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7_税政G\４年度\40_税財政データ集\04_R04年度完成版\"/>
    </mc:Choice>
  </mc:AlternateContent>
  <bookViews>
    <workbookView xWindow="0" yWindow="0" windowWidth="23040" windowHeight="9360" tabRatio="666"/>
  </bookViews>
  <sheets>
    <sheet name="住民税1" sheetId="3" r:id="rId1"/>
    <sheet name="住民税2" sheetId="4" r:id="rId2"/>
    <sheet name="住民税3" sheetId="5" r:id="rId3"/>
    <sheet name="住民税4" sheetId="22" r:id="rId4"/>
    <sheet name="住民税5" sheetId="23" r:id="rId5"/>
  </sheets>
  <definedNames>
    <definedName name="_xlnm.Print_Area" localSheetId="2">住民税3!$A$1:$P$40</definedName>
  </definedNames>
  <calcPr calcId="162913" calcMode="manual"/>
</workbook>
</file>

<file path=xl/sharedStrings.xml><?xml version="1.0" encoding="utf-8"?>
<sst xmlns="http://schemas.openxmlformats.org/spreadsheetml/2006/main" count="272" uniqueCount="92"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(単位：千円）</t>
    <rPh sb="1" eb="3">
      <t>タンイ</t>
    </rPh>
    <rPh sb="4" eb="6">
      <t>センエン</t>
    </rPh>
    <phoneticPr fontId="2"/>
  </si>
  <si>
    <t>区分</t>
    <rPh sb="0" eb="2">
      <t>クブン</t>
    </rPh>
    <phoneticPr fontId="2"/>
  </si>
  <si>
    <t>計</t>
    <rPh sb="0" eb="1">
      <t>ケイ</t>
    </rPh>
    <phoneticPr fontId="2"/>
  </si>
  <si>
    <t>市町村名</t>
    <rPh sb="0" eb="3">
      <t>シチョウソン</t>
    </rPh>
    <rPh sb="3" eb="4">
      <t>メイ</t>
    </rPh>
    <phoneticPr fontId="2"/>
  </si>
  <si>
    <t>横浜市</t>
    <rPh sb="0" eb="3">
      <t>ヨコハマシ</t>
    </rPh>
    <phoneticPr fontId="2"/>
  </si>
  <si>
    <t>県計</t>
    <rPh sb="0" eb="1">
      <t>ケン</t>
    </rPh>
    <rPh sb="1" eb="2">
      <t>ケイ</t>
    </rPh>
    <phoneticPr fontId="2"/>
  </si>
  <si>
    <t>　（１）　市町村民税納税義務者数</t>
    <rPh sb="5" eb="8">
      <t>シチョウソン</t>
    </rPh>
    <rPh sb="8" eb="9">
      <t>ミン</t>
    </rPh>
    <rPh sb="9" eb="10">
      <t>ゼイ</t>
    </rPh>
    <rPh sb="10" eb="12">
      <t>ノウゼイ</t>
    </rPh>
    <rPh sb="12" eb="15">
      <t>ギムシャ</t>
    </rPh>
    <rPh sb="15" eb="16">
      <t>スウ</t>
    </rPh>
    <phoneticPr fontId="2"/>
  </si>
  <si>
    <t>（単位：人）</t>
    <rPh sb="1" eb="3">
      <t>タンイ</t>
    </rPh>
    <rPh sb="4" eb="5">
      <t>ニン</t>
    </rPh>
    <phoneticPr fontId="2"/>
  </si>
  <si>
    <t>個人均等割納税義務者数</t>
    <rPh sb="0" eb="2">
      <t>コジン</t>
    </rPh>
    <rPh sb="2" eb="4">
      <t>キントウ</t>
    </rPh>
    <rPh sb="4" eb="5">
      <t>ワ</t>
    </rPh>
    <rPh sb="5" eb="7">
      <t>ノウゼイ</t>
    </rPh>
    <rPh sb="7" eb="10">
      <t>ギムシャ</t>
    </rPh>
    <rPh sb="10" eb="11">
      <t>スウ</t>
    </rPh>
    <phoneticPr fontId="2"/>
  </si>
  <si>
    <t>法人均等割納税義務者数</t>
    <rPh sb="0" eb="2">
      <t>ホウジン</t>
    </rPh>
    <rPh sb="2" eb="4">
      <t>キントウ</t>
    </rPh>
    <rPh sb="4" eb="5">
      <t>ワ</t>
    </rPh>
    <rPh sb="5" eb="7">
      <t>ノウゼイ</t>
    </rPh>
    <rPh sb="7" eb="10">
      <t>ギムシャ</t>
    </rPh>
    <rPh sb="10" eb="11">
      <t>スウ</t>
    </rPh>
    <phoneticPr fontId="2"/>
  </si>
  <si>
    <t>所得割
納税義務者数</t>
    <rPh sb="0" eb="2">
      <t>ショトク</t>
    </rPh>
    <rPh sb="2" eb="3">
      <t>ワリ</t>
    </rPh>
    <rPh sb="4" eb="6">
      <t>ノウゼイ</t>
    </rPh>
    <rPh sb="6" eb="9">
      <t>ギムシャ</t>
    </rPh>
    <rPh sb="9" eb="10">
      <t>スウ</t>
    </rPh>
    <phoneticPr fontId="2"/>
  </si>
  <si>
    <t>法人税割
納税義務者数</t>
    <rPh sb="0" eb="2">
      <t>ホウジン</t>
    </rPh>
    <rPh sb="2" eb="3">
      <t>ゼイ</t>
    </rPh>
    <rPh sb="3" eb="4">
      <t>ワ</t>
    </rPh>
    <rPh sb="5" eb="7">
      <t>ノウゼイ</t>
    </rPh>
    <rPh sb="7" eb="10">
      <t>ギムシャ</t>
    </rPh>
    <rPh sb="10" eb="11">
      <t>スウ</t>
    </rPh>
    <phoneticPr fontId="2"/>
  </si>
  <si>
    <t>地方税法
第294条1項
1号該当者</t>
    <rPh sb="0" eb="2">
      <t>チホウ</t>
    </rPh>
    <rPh sb="2" eb="4">
      <t>ゼイホウ</t>
    </rPh>
    <rPh sb="5" eb="6">
      <t>ダイ</t>
    </rPh>
    <rPh sb="9" eb="10">
      <t>ジョウ</t>
    </rPh>
    <rPh sb="11" eb="12">
      <t>コウ</t>
    </rPh>
    <rPh sb="14" eb="15">
      <t>ゴウ</t>
    </rPh>
    <rPh sb="15" eb="17">
      <t>ガイトウ</t>
    </rPh>
    <rPh sb="17" eb="18">
      <t>シャ</t>
    </rPh>
    <phoneticPr fontId="2"/>
  </si>
  <si>
    <t>同項
2号該当者</t>
    <rPh sb="0" eb="1">
      <t>ドウ</t>
    </rPh>
    <rPh sb="1" eb="2">
      <t>コウ</t>
    </rPh>
    <rPh sb="4" eb="5">
      <t>ゴウ</t>
    </rPh>
    <rPh sb="5" eb="8">
      <t>ガイトウシャ</t>
    </rPh>
    <phoneticPr fontId="2"/>
  </si>
  <si>
    <t>(A)～(H)以外(法人でない社団等を除く）</t>
    <rPh sb="7" eb="9">
      <t>イガイ</t>
    </rPh>
    <rPh sb="10" eb="12">
      <t>ホウジン</t>
    </rPh>
    <rPh sb="15" eb="18">
      <t>シャダントウ</t>
    </rPh>
    <rPh sb="19" eb="20">
      <t>ノゾ</t>
    </rPh>
    <phoneticPr fontId="2"/>
  </si>
  <si>
    <t>　（２）　市町村民税所得割</t>
    <rPh sb="5" eb="8">
      <t>シチョウソン</t>
    </rPh>
    <rPh sb="8" eb="9">
      <t>ミン</t>
    </rPh>
    <rPh sb="9" eb="10">
      <t>ゼイ</t>
    </rPh>
    <rPh sb="10" eb="12">
      <t>ショトク</t>
    </rPh>
    <rPh sb="12" eb="13">
      <t>ワリ</t>
    </rPh>
    <phoneticPr fontId="2"/>
  </si>
  <si>
    <t>納税義務者数</t>
    <rPh sb="0" eb="2">
      <t>ノウゼイ</t>
    </rPh>
    <rPh sb="2" eb="5">
      <t>ギムシャ</t>
    </rPh>
    <rPh sb="5" eb="6">
      <t>スウ</t>
    </rPh>
    <phoneticPr fontId="2"/>
  </si>
  <si>
    <t>総所得金額等</t>
    <rPh sb="0" eb="1">
      <t>ソウ</t>
    </rPh>
    <rPh sb="1" eb="3">
      <t>ショトク</t>
    </rPh>
    <rPh sb="3" eb="5">
      <t>キンガク</t>
    </rPh>
    <rPh sb="5" eb="6">
      <t>トウ</t>
    </rPh>
    <phoneticPr fontId="2"/>
  </si>
  <si>
    <t>分離長期譲渡所得金額に係る
所得金額</t>
    <rPh sb="0" eb="2">
      <t>ブンリ</t>
    </rPh>
    <rPh sb="2" eb="4">
      <t>チョウキ</t>
    </rPh>
    <rPh sb="4" eb="6">
      <t>ジョウト</t>
    </rPh>
    <rPh sb="6" eb="8">
      <t>ショトク</t>
    </rPh>
    <rPh sb="8" eb="10">
      <t>キンガク</t>
    </rPh>
    <rPh sb="11" eb="12">
      <t>カカ</t>
    </rPh>
    <rPh sb="14" eb="16">
      <t>ショトク</t>
    </rPh>
    <rPh sb="16" eb="18">
      <t>キンガク</t>
    </rPh>
    <phoneticPr fontId="2"/>
  </si>
  <si>
    <t>分離短期譲渡所得金額に係る
所得金額</t>
    <rPh sb="0" eb="2">
      <t>ブンリ</t>
    </rPh>
    <rPh sb="2" eb="4">
      <t>タンキ</t>
    </rPh>
    <rPh sb="4" eb="6">
      <t>ジョウト</t>
    </rPh>
    <rPh sb="6" eb="8">
      <t>ショトク</t>
    </rPh>
    <rPh sb="8" eb="10">
      <t>キンガク</t>
    </rPh>
    <rPh sb="11" eb="12">
      <t>カカ</t>
    </rPh>
    <rPh sb="14" eb="16">
      <t>ショトク</t>
    </rPh>
    <rPh sb="16" eb="18">
      <t>キンガク</t>
    </rPh>
    <phoneticPr fontId="2"/>
  </si>
  <si>
    <t>先物取引に係る雑所得金額</t>
    <rPh sb="0" eb="2">
      <t>サキモノ</t>
    </rPh>
    <rPh sb="2" eb="4">
      <t>トリヒキ</t>
    </rPh>
    <rPh sb="5" eb="6">
      <t>カカ</t>
    </rPh>
    <rPh sb="7" eb="8">
      <t>ザツ</t>
    </rPh>
    <rPh sb="8" eb="10">
      <t>ショトク</t>
    </rPh>
    <rPh sb="10" eb="12">
      <t>キンガク</t>
    </rPh>
    <phoneticPr fontId="2"/>
  </si>
  <si>
    <t>所得控除額</t>
    <rPh sb="0" eb="2">
      <t>ショトク</t>
    </rPh>
    <rPh sb="2" eb="4">
      <t>コウジョ</t>
    </rPh>
    <rPh sb="4" eb="5">
      <t>ガク</t>
    </rPh>
    <phoneticPr fontId="2"/>
  </si>
  <si>
    <t>所得税の
納税義務あり
（人）</t>
    <rPh sb="0" eb="3">
      <t>ショトクゼイ</t>
    </rPh>
    <rPh sb="5" eb="7">
      <t>ノウゼイ</t>
    </rPh>
    <rPh sb="7" eb="9">
      <t>ギム</t>
    </rPh>
    <rPh sb="13" eb="14">
      <t>ニン</t>
    </rPh>
    <phoneticPr fontId="2"/>
  </si>
  <si>
    <t>所得税の
納税義務なし
（人）</t>
    <rPh sb="0" eb="3">
      <t>ショトクゼイ</t>
    </rPh>
    <rPh sb="5" eb="7">
      <t>ノウゼイ</t>
    </rPh>
    <rPh sb="7" eb="9">
      <t>ギム</t>
    </rPh>
    <rPh sb="13" eb="14">
      <t>ニン</t>
    </rPh>
    <phoneticPr fontId="2"/>
  </si>
  <si>
    <t>計
（人）</t>
    <rPh sb="0" eb="1">
      <t>ケイ</t>
    </rPh>
    <rPh sb="3" eb="4">
      <t>ニン</t>
    </rPh>
    <phoneticPr fontId="2"/>
  </si>
  <si>
    <t>課税標準額</t>
    <rPh sb="0" eb="2">
      <t>カゼイ</t>
    </rPh>
    <rPh sb="2" eb="4">
      <t>ヒョウジュン</t>
    </rPh>
    <rPh sb="4" eb="5">
      <t>ガク</t>
    </rPh>
    <phoneticPr fontId="2"/>
  </si>
  <si>
    <t>算出税額</t>
    <rPh sb="0" eb="2">
      <t>サンシュツ</t>
    </rPh>
    <rPh sb="2" eb="4">
      <t>ゼイガク</t>
    </rPh>
    <phoneticPr fontId="2"/>
  </si>
  <si>
    <t>税額控除額</t>
    <rPh sb="0" eb="2">
      <t>ゼイガク</t>
    </rPh>
    <rPh sb="2" eb="4">
      <t>コウジョ</t>
    </rPh>
    <rPh sb="4" eb="5">
      <t>ガク</t>
    </rPh>
    <phoneticPr fontId="2"/>
  </si>
  <si>
    <t>税額調整額</t>
    <rPh sb="0" eb="2">
      <t>ゼイガク</t>
    </rPh>
    <rPh sb="2" eb="4">
      <t>チョウセイ</t>
    </rPh>
    <rPh sb="4" eb="5">
      <t>ガク</t>
    </rPh>
    <phoneticPr fontId="2"/>
  </si>
  <si>
    <t>配当割額
の控除額</t>
    <rPh sb="0" eb="2">
      <t>ハイトウ</t>
    </rPh>
    <rPh sb="2" eb="3">
      <t>ワ</t>
    </rPh>
    <rPh sb="3" eb="4">
      <t>ガク</t>
    </rPh>
    <rPh sb="6" eb="8">
      <t>コウジョ</t>
    </rPh>
    <rPh sb="8" eb="9">
      <t>ガク</t>
    </rPh>
    <phoneticPr fontId="2"/>
  </si>
  <si>
    <t>減免税額</t>
    <rPh sb="0" eb="2">
      <t>ゲンメン</t>
    </rPh>
    <rPh sb="2" eb="4">
      <t>ゼイガク</t>
    </rPh>
    <phoneticPr fontId="2"/>
  </si>
  <si>
    <t>所得割額</t>
    <rPh sb="0" eb="2">
      <t>ショトク</t>
    </rPh>
    <rPh sb="2" eb="3">
      <t>ワリ</t>
    </rPh>
    <rPh sb="3" eb="4">
      <t>ガク</t>
    </rPh>
    <phoneticPr fontId="2"/>
  </si>
  <si>
    <t>調 整
控 除</t>
    <rPh sb="0" eb="1">
      <t>チョウ</t>
    </rPh>
    <rPh sb="2" eb="3">
      <t>タダシ</t>
    </rPh>
    <rPh sb="4" eb="5">
      <t>ヒカエ</t>
    </rPh>
    <rPh sb="6" eb="7">
      <t>ジョ</t>
    </rPh>
    <phoneticPr fontId="2"/>
  </si>
  <si>
    <t>配 当
控 除</t>
    <rPh sb="0" eb="1">
      <t>クバ</t>
    </rPh>
    <rPh sb="2" eb="3">
      <t>トウ</t>
    </rPh>
    <rPh sb="4" eb="5">
      <t>ヒカエ</t>
    </rPh>
    <rPh sb="6" eb="7">
      <t>ジョ</t>
    </rPh>
    <phoneticPr fontId="2"/>
  </si>
  <si>
    <t>住宅借入金
等特別税額
控 除</t>
    <rPh sb="0" eb="2">
      <t>ジュウタク</t>
    </rPh>
    <rPh sb="2" eb="4">
      <t>カリイレ</t>
    </rPh>
    <rPh sb="4" eb="5">
      <t>キン</t>
    </rPh>
    <rPh sb="6" eb="7">
      <t>トウ</t>
    </rPh>
    <rPh sb="7" eb="9">
      <t>トクベツ</t>
    </rPh>
    <rPh sb="9" eb="11">
      <t>ゼイガク</t>
    </rPh>
    <rPh sb="12" eb="13">
      <t>ヒカエ</t>
    </rPh>
    <rPh sb="14" eb="15">
      <t>ジョ</t>
    </rPh>
    <phoneticPr fontId="2"/>
  </si>
  <si>
    <t>寄附金税額
控 除</t>
    <rPh sb="0" eb="3">
      <t>キフキン</t>
    </rPh>
    <rPh sb="3" eb="5">
      <t>ゼイガク</t>
    </rPh>
    <rPh sb="6" eb="7">
      <t>ヒカエ</t>
    </rPh>
    <rPh sb="8" eb="9">
      <t>ジョ</t>
    </rPh>
    <phoneticPr fontId="2"/>
  </si>
  <si>
    <t>外国税額
控 除</t>
    <rPh sb="0" eb="2">
      <t>ガイコク</t>
    </rPh>
    <rPh sb="2" eb="4">
      <t>ゼイガク</t>
    </rPh>
    <rPh sb="5" eb="6">
      <t>ヒカエ</t>
    </rPh>
    <rPh sb="7" eb="8">
      <t>ジョ</t>
    </rPh>
    <phoneticPr fontId="2"/>
  </si>
  <si>
    <t>所得税の
納税義務あり</t>
    <rPh sb="0" eb="3">
      <t>ショトクゼイ</t>
    </rPh>
    <rPh sb="5" eb="7">
      <t>ノウゼイ</t>
    </rPh>
    <rPh sb="7" eb="9">
      <t>ギム</t>
    </rPh>
    <phoneticPr fontId="2"/>
  </si>
  <si>
    <t>所得税の
納税義務なし</t>
    <rPh sb="0" eb="3">
      <t>ショトクゼイ</t>
    </rPh>
    <rPh sb="5" eb="7">
      <t>ノウゼイ</t>
    </rPh>
    <rPh sb="7" eb="9">
      <t>ギム</t>
    </rPh>
    <phoneticPr fontId="2"/>
  </si>
  <si>
    <t>税額
調整額</t>
    <rPh sb="0" eb="2">
      <t>ゼイガク</t>
    </rPh>
    <rPh sb="3" eb="5">
      <t>チョウセイ</t>
    </rPh>
    <rPh sb="5" eb="6">
      <t>ガク</t>
    </rPh>
    <phoneticPr fontId="2"/>
  </si>
  <si>
    <t>上場株式等に係る配当所得金額</t>
    <rPh sb="0" eb="2">
      <t>ジョウジョウ</t>
    </rPh>
    <rPh sb="2" eb="5">
      <t>カブシキナド</t>
    </rPh>
    <rPh sb="6" eb="7">
      <t>カカ</t>
    </rPh>
    <rPh sb="8" eb="10">
      <t>ハイトウ</t>
    </rPh>
    <rPh sb="10" eb="12">
      <t>ショトク</t>
    </rPh>
    <rPh sb="12" eb="14">
      <t>キンガク</t>
    </rPh>
    <phoneticPr fontId="2"/>
  </si>
  <si>
    <t>納税義務者数(人）</t>
    <rPh sb="0" eb="2">
      <t>ノウゼイ</t>
    </rPh>
    <rPh sb="2" eb="5">
      <t>ギムシャ</t>
    </rPh>
    <rPh sb="5" eb="6">
      <t>スウ</t>
    </rPh>
    <rPh sb="7" eb="8">
      <t>ニン</t>
    </rPh>
    <phoneticPr fontId="2"/>
  </si>
  <si>
    <t>資本金等50億円超従業者50人超(A)</t>
    <rPh sb="0" eb="3">
      <t>シホンキン</t>
    </rPh>
    <rPh sb="3" eb="4">
      <t>トウ</t>
    </rPh>
    <rPh sb="6" eb="9">
      <t>オクエンチョウ</t>
    </rPh>
    <rPh sb="9" eb="12">
      <t>ジュウギョウシャ</t>
    </rPh>
    <rPh sb="14" eb="15">
      <t>ニン</t>
    </rPh>
    <rPh sb="15" eb="16">
      <t>チョウ</t>
    </rPh>
    <phoneticPr fontId="2"/>
  </si>
  <si>
    <t>資本金等10億円超50億円以下従業者50人超(B)</t>
    <rPh sb="0" eb="3">
      <t>シホンキン</t>
    </rPh>
    <rPh sb="3" eb="4">
      <t>トウ</t>
    </rPh>
    <rPh sb="6" eb="8">
      <t>オクエン</t>
    </rPh>
    <rPh sb="8" eb="9">
      <t>チョウ</t>
    </rPh>
    <rPh sb="11" eb="15">
      <t>オクエンイカ</t>
    </rPh>
    <rPh sb="15" eb="18">
      <t>ジュウギョウシャ</t>
    </rPh>
    <rPh sb="20" eb="21">
      <t>ニン</t>
    </rPh>
    <rPh sb="21" eb="22">
      <t>チョウ</t>
    </rPh>
    <phoneticPr fontId="2"/>
  </si>
  <si>
    <t>資本金等10億円超従業者50人以下(C)</t>
    <rPh sb="0" eb="3">
      <t>シホンキン</t>
    </rPh>
    <rPh sb="3" eb="4">
      <t>トウ</t>
    </rPh>
    <rPh sb="6" eb="9">
      <t>オクエンチョウ</t>
    </rPh>
    <rPh sb="9" eb="12">
      <t>ジュウギョウシャ</t>
    </rPh>
    <rPh sb="14" eb="15">
      <t>ニン</t>
    </rPh>
    <rPh sb="15" eb="17">
      <t>イカ</t>
    </rPh>
    <phoneticPr fontId="2"/>
  </si>
  <si>
    <t>資本金等1億円超10億円以下従業者50人超(D)</t>
    <rPh sb="0" eb="3">
      <t>シホンキン</t>
    </rPh>
    <rPh sb="3" eb="4">
      <t>トウ</t>
    </rPh>
    <rPh sb="5" eb="7">
      <t>オクエン</t>
    </rPh>
    <rPh sb="7" eb="8">
      <t>チョウ</t>
    </rPh>
    <rPh sb="10" eb="14">
      <t>オクエンイカ</t>
    </rPh>
    <rPh sb="14" eb="17">
      <t>ジュウギョウシャ</t>
    </rPh>
    <rPh sb="19" eb="20">
      <t>ニン</t>
    </rPh>
    <rPh sb="20" eb="21">
      <t>チョウ</t>
    </rPh>
    <phoneticPr fontId="2"/>
  </si>
  <si>
    <t>資本金等1億円超10億円以下従業者50人以下(E)</t>
    <rPh sb="0" eb="3">
      <t>シホンキン</t>
    </rPh>
    <rPh sb="3" eb="4">
      <t>トウ</t>
    </rPh>
    <rPh sb="5" eb="7">
      <t>オクエン</t>
    </rPh>
    <rPh sb="7" eb="8">
      <t>チョウ</t>
    </rPh>
    <rPh sb="10" eb="14">
      <t>オクエンイカ</t>
    </rPh>
    <rPh sb="14" eb="17">
      <t>ジュウギョウシャ</t>
    </rPh>
    <rPh sb="19" eb="20">
      <t>ニン</t>
    </rPh>
    <rPh sb="20" eb="22">
      <t>イカ</t>
    </rPh>
    <phoneticPr fontId="2"/>
  </si>
  <si>
    <t>資本金等1千万円超1億円以下従業者50人超(F)</t>
    <rPh sb="0" eb="3">
      <t>シホンキン</t>
    </rPh>
    <rPh sb="3" eb="4">
      <t>トウ</t>
    </rPh>
    <rPh sb="5" eb="8">
      <t>センマンエン</t>
    </rPh>
    <rPh sb="8" eb="9">
      <t>チョウ</t>
    </rPh>
    <rPh sb="10" eb="14">
      <t>オクエンイカ</t>
    </rPh>
    <rPh sb="14" eb="17">
      <t>ジュウギョウシャ</t>
    </rPh>
    <rPh sb="19" eb="20">
      <t>ニン</t>
    </rPh>
    <rPh sb="20" eb="21">
      <t>チョウ</t>
    </rPh>
    <phoneticPr fontId="2"/>
  </si>
  <si>
    <t>資本金等1千万円超1億円以下従業者50人以下(G)</t>
    <rPh sb="0" eb="3">
      <t>シホンキン</t>
    </rPh>
    <rPh sb="3" eb="4">
      <t>トウ</t>
    </rPh>
    <rPh sb="5" eb="8">
      <t>センマンエン</t>
    </rPh>
    <rPh sb="8" eb="9">
      <t>チョウ</t>
    </rPh>
    <rPh sb="10" eb="14">
      <t>オクエンイカ</t>
    </rPh>
    <rPh sb="14" eb="17">
      <t>ジュウギョウシャ</t>
    </rPh>
    <rPh sb="19" eb="20">
      <t>ニン</t>
    </rPh>
    <rPh sb="20" eb="22">
      <t>イカ</t>
    </rPh>
    <phoneticPr fontId="2"/>
  </si>
  <si>
    <t>資本金等1千万円以下従業者50人超(H)</t>
    <rPh sb="0" eb="3">
      <t>シホンキン</t>
    </rPh>
    <rPh sb="3" eb="4">
      <t>トウ</t>
    </rPh>
    <rPh sb="5" eb="10">
      <t>センマンエンイカ</t>
    </rPh>
    <rPh sb="10" eb="13">
      <t>ジュウギョウシャ</t>
    </rPh>
    <rPh sb="15" eb="16">
      <t>ニン</t>
    </rPh>
    <rPh sb="16" eb="17">
      <t>チョウ</t>
    </rPh>
    <phoneticPr fontId="2"/>
  </si>
  <si>
    <t xml:space="preserve"> </t>
    <phoneticPr fontId="2"/>
  </si>
  <si>
    <t>株式等譲渡
所得割額
の控除額</t>
    <phoneticPr fontId="2"/>
  </si>
  <si>
    <t>上場株式等に係る譲渡所得金額</t>
    <rPh sb="0" eb="2">
      <t>ジョウジョウ</t>
    </rPh>
    <rPh sb="2" eb="4">
      <t>カブシキ</t>
    </rPh>
    <rPh sb="4" eb="5">
      <t>トウ</t>
    </rPh>
    <rPh sb="6" eb="7">
      <t>カカ</t>
    </rPh>
    <rPh sb="8" eb="10">
      <t>ジョウト</t>
    </rPh>
    <rPh sb="10" eb="12">
      <t>ショトク</t>
    </rPh>
    <rPh sb="12" eb="14">
      <t>キンガク</t>
    </rPh>
    <phoneticPr fontId="2"/>
  </si>
  <si>
    <t>一般株式等に係る譲渡所得金額</t>
    <rPh sb="0" eb="2">
      <t>イッパン</t>
    </rPh>
    <rPh sb="2" eb="4">
      <t>カブシキ</t>
    </rPh>
    <rPh sb="4" eb="5">
      <t>トウ</t>
    </rPh>
    <rPh sb="6" eb="7">
      <t>カカ</t>
    </rPh>
    <rPh sb="8" eb="10">
      <t>ジョウト</t>
    </rPh>
    <rPh sb="10" eb="12">
      <t>ショトク</t>
    </rPh>
    <rPh sb="12" eb="14">
      <t>キンガク</t>
    </rPh>
    <phoneticPr fontId="2"/>
  </si>
  <si>
    <t>上場株式等に係る配当所得金額</t>
    <rPh sb="0" eb="2">
      <t>ジョウジョウ</t>
    </rPh>
    <rPh sb="2" eb="4">
      <t>カブシキ</t>
    </rPh>
    <rPh sb="4" eb="5">
      <t>トウ</t>
    </rPh>
    <rPh sb="6" eb="7">
      <t>カカ</t>
    </rPh>
    <rPh sb="8" eb="10">
      <t>ハイトウ</t>
    </rPh>
    <rPh sb="10" eb="12">
      <t>ショトク</t>
    </rPh>
    <rPh sb="12" eb="14">
      <t>キンガク</t>
    </rPh>
    <phoneticPr fontId="2"/>
  </si>
  <si>
    <t>土地等に係る事業所得金額等の金額</t>
    <rPh sb="0" eb="3">
      <t>トチトウ</t>
    </rPh>
    <rPh sb="4" eb="5">
      <t>カカ</t>
    </rPh>
    <rPh sb="6" eb="8">
      <t>ジギョウ</t>
    </rPh>
    <rPh sb="8" eb="10">
      <t>ショトク</t>
    </rPh>
    <rPh sb="10" eb="12">
      <t>キンガク</t>
    </rPh>
    <rPh sb="12" eb="13">
      <t>トウ</t>
    </rPh>
    <rPh sb="14" eb="16">
      <t>キンガク</t>
    </rPh>
    <phoneticPr fontId="2"/>
  </si>
  <si>
    <t>３　令和４年度市町村民税及び県民税に関する調</t>
    <rPh sb="2" eb="4">
      <t>レイワ</t>
    </rPh>
    <rPh sb="5" eb="7">
      <t>ネンド</t>
    </rPh>
    <rPh sb="6" eb="7">
      <t>ド</t>
    </rPh>
    <rPh sb="7" eb="10">
      <t>シチョウソン</t>
    </rPh>
    <rPh sb="10" eb="11">
      <t>ミン</t>
    </rPh>
    <rPh sb="11" eb="12">
      <t>ゼイ</t>
    </rPh>
    <rPh sb="12" eb="13">
      <t>オヨ</t>
    </rPh>
    <rPh sb="14" eb="17">
      <t>ケンミンゼイ</t>
    </rPh>
    <rPh sb="18" eb="19">
      <t>カン</t>
    </rPh>
    <rPh sb="21" eb="22">
      <t>シラベ</t>
    </rPh>
    <phoneticPr fontId="2"/>
  </si>
  <si>
    <t>令和４年度市町村税課税状況等の調（１表）</t>
    <rPh sb="0" eb="2">
      <t>レイワ</t>
    </rPh>
    <rPh sb="3" eb="5">
      <t>ネンド</t>
    </rPh>
    <rPh sb="4" eb="5">
      <t>ド</t>
    </rPh>
    <rPh sb="5" eb="8">
      <t>シチョウソン</t>
    </rPh>
    <rPh sb="8" eb="9">
      <t>ゼイ</t>
    </rPh>
    <rPh sb="9" eb="11">
      <t>カゼイ</t>
    </rPh>
    <rPh sb="11" eb="13">
      <t>ジョウキョウ</t>
    </rPh>
    <rPh sb="13" eb="14">
      <t>トウ</t>
    </rPh>
    <rPh sb="15" eb="16">
      <t>シラベ</t>
    </rPh>
    <rPh sb="18" eb="19">
      <t>ヒョウ</t>
    </rPh>
    <phoneticPr fontId="2"/>
  </si>
  <si>
    <t>令和４年度市町村税課税状況等の調（12表）</t>
    <rPh sb="0" eb="2">
      <t>レイワ</t>
    </rPh>
    <rPh sb="3" eb="5">
      <t>ネンド</t>
    </rPh>
    <rPh sb="4" eb="5">
      <t>ド</t>
    </rPh>
    <rPh sb="5" eb="8">
      <t>シチョウソン</t>
    </rPh>
    <rPh sb="8" eb="9">
      <t>ゼイ</t>
    </rPh>
    <rPh sb="9" eb="11">
      <t>カゼイ</t>
    </rPh>
    <rPh sb="11" eb="13">
      <t>ジョウキョウ</t>
    </rPh>
    <rPh sb="13" eb="14">
      <t>トウ</t>
    </rPh>
    <rPh sb="15" eb="16">
      <t>シラベ</t>
    </rPh>
    <rPh sb="19" eb="20">
      <t>ヒョウ</t>
    </rPh>
    <phoneticPr fontId="2"/>
  </si>
  <si>
    <t>　（３）　県民税所得割</t>
    <rPh sb="5" eb="6">
      <t>ケン</t>
    </rPh>
    <rPh sb="6" eb="7">
      <t>ミン</t>
    </rPh>
    <rPh sb="7" eb="8">
      <t>ゼイ</t>
    </rPh>
    <rPh sb="8" eb="11">
      <t>ショトクワリ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_(* #,##0_);_(* \(#,##0\);_(* &quot;-&quot;_);_(@_)"/>
    <numFmt numFmtId="177" formatCode="0.0%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name val="ＭＳ ゴシック"/>
      <family val="3"/>
      <charset val="128"/>
    </font>
    <font>
      <sz val="6"/>
      <name val="ＭＳ ゴシック"/>
      <family val="3"/>
      <charset val="128"/>
    </font>
    <font>
      <sz val="10"/>
      <name val="ＭＳ ゴシック"/>
      <family val="3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/>
      <right/>
      <top style="thin">
        <color indexed="64"/>
      </top>
      <bottom/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95">
    <xf numFmtId="0" fontId="0" fillId="0" borderId="0" xfId="0"/>
    <xf numFmtId="38" fontId="3" fillId="0" borderId="1" xfId="2" applyFont="1" applyFill="1" applyBorder="1" applyAlignment="1">
      <alignment horizontal="distributed" vertical="center"/>
    </xf>
    <xf numFmtId="38" fontId="3" fillId="0" borderId="2" xfId="2" applyFont="1" applyFill="1" applyBorder="1" applyAlignment="1">
      <alignment horizontal="distributed" vertical="center"/>
    </xf>
    <xf numFmtId="38" fontId="3" fillId="0" borderId="0" xfId="2" applyFont="1" applyFill="1" applyBorder="1" applyAlignment="1">
      <alignment vertical="center"/>
    </xf>
    <xf numFmtId="38" fontId="4" fillId="0" borderId="0" xfId="2" applyFont="1" applyFill="1" applyBorder="1" applyAlignment="1">
      <alignment vertical="center"/>
    </xf>
    <xf numFmtId="38" fontId="5" fillId="0" borderId="0" xfId="2" applyFont="1" applyFill="1" applyBorder="1" applyAlignment="1">
      <alignment vertical="center"/>
    </xf>
    <xf numFmtId="38" fontId="3" fillId="0" borderId="0" xfId="2" applyFont="1" applyFill="1" applyBorder="1" applyAlignment="1">
      <alignment horizontal="center" vertical="center"/>
    </xf>
    <xf numFmtId="38" fontId="3" fillId="0" borderId="0" xfId="2" applyFont="1" applyFill="1" applyBorder="1" applyAlignment="1">
      <alignment horizontal="right" vertical="center"/>
    </xf>
    <xf numFmtId="38" fontId="3" fillId="0" borderId="3" xfId="2" applyFont="1" applyFill="1" applyBorder="1" applyAlignment="1">
      <alignment horizontal="right" vertical="center" wrapText="1"/>
    </xf>
    <xf numFmtId="38" fontId="3" fillId="0" borderId="4" xfId="2" applyFont="1" applyFill="1" applyBorder="1" applyAlignment="1">
      <alignment vertical="center"/>
    </xf>
    <xf numFmtId="38" fontId="3" fillId="0" borderId="2" xfId="2" applyFont="1" applyFill="1" applyBorder="1" applyAlignment="1">
      <alignment vertical="center"/>
    </xf>
    <xf numFmtId="38" fontId="3" fillId="0" borderId="3" xfId="2" applyFont="1" applyFill="1" applyBorder="1" applyAlignment="1">
      <alignment horizontal="distributed" vertical="center"/>
    </xf>
    <xf numFmtId="38" fontId="3" fillId="0" borderId="4" xfId="2" applyFont="1" applyFill="1" applyBorder="1" applyAlignment="1">
      <alignment horizontal="distributed" vertical="center"/>
    </xf>
    <xf numFmtId="38" fontId="3" fillId="0" borderId="6" xfId="2" applyFont="1" applyFill="1" applyBorder="1" applyAlignment="1">
      <alignment horizontal="distributed" vertical="center"/>
    </xf>
    <xf numFmtId="38" fontId="3" fillId="0" borderId="7" xfId="2" applyFont="1" applyFill="1" applyBorder="1" applyAlignment="1">
      <alignment horizontal="distributed" vertical="center"/>
    </xf>
    <xf numFmtId="38" fontId="7" fillId="0" borderId="0" xfId="2" applyFont="1" applyFill="1" applyBorder="1" applyAlignment="1">
      <alignment vertical="center"/>
    </xf>
    <xf numFmtId="3" fontId="3" fillId="0" borderId="0" xfId="2" applyNumberFormat="1" applyFont="1" applyFill="1" applyBorder="1" applyAlignment="1">
      <alignment vertical="center"/>
    </xf>
    <xf numFmtId="38" fontId="3" fillId="0" borderId="0" xfId="2" applyFont="1" applyFill="1" applyBorder="1" applyAlignment="1">
      <alignment horizontal="center" vertical="center" wrapText="1"/>
    </xf>
    <xf numFmtId="177" fontId="3" fillId="0" borderId="0" xfId="1" quotePrefix="1" applyNumberFormat="1" applyFont="1" applyFill="1" applyBorder="1"/>
    <xf numFmtId="176" fontId="3" fillId="0" borderId="4" xfId="2" applyNumberFormat="1" applyFont="1" applyFill="1" applyBorder="1" applyAlignment="1">
      <alignment vertical="center"/>
    </xf>
    <xf numFmtId="176" fontId="3" fillId="0" borderId="3" xfId="2" applyNumberFormat="1" applyFont="1" applyFill="1" applyBorder="1" applyAlignment="1">
      <alignment vertical="center"/>
    </xf>
    <xf numFmtId="176" fontId="3" fillId="0" borderId="6" xfId="2" applyNumberFormat="1" applyFont="1" applyFill="1" applyBorder="1" applyAlignment="1">
      <alignment vertical="center"/>
    </xf>
    <xf numFmtId="176" fontId="3" fillId="0" borderId="7" xfId="2" applyNumberFormat="1" applyFont="1" applyFill="1" applyBorder="1" applyAlignment="1">
      <alignment vertical="center"/>
    </xf>
    <xf numFmtId="176" fontId="3" fillId="0" borderId="2" xfId="2" applyNumberFormat="1" applyFont="1" applyFill="1" applyBorder="1" applyAlignment="1">
      <alignment vertical="center"/>
    </xf>
    <xf numFmtId="176" fontId="3" fillId="0" borderId="11" xfId="2" applyNumberFormat="1" applyFont="1" applyFill="1" applyBorder="1" applyAlignment="1">
      <alignment vertical="center"/>
    </xf>
    <xf numFmtId="176" fontId="3" fillId="0" borderId="4" xfId="2" quotePrefix="1" applyNumberFormat="1" applyFont="1" applyFill="1" applyBorder="1" applyAlignment="1"/>
    <xf numFmtId="176" fontId="3" fillId="0" borderId="0" xfId="2" quotePrefix="1" applyNumberFormat="1" applyFont="1" applyFill="1" applyAlignment="1"/>
    <xf numFmtId="176" fontId="3" fillId="0" borderId="3" xfId="2" quotePrefix="1" applyNumberFormat="1" applyFont="1" applyFill="1" applyBorder="1" applyAlignment="1"/>
    <xf numFmtId="176" fontId="3" fillId="0" borderId="21" xfId="2" quotePrefix="1" applyNumberFormat="1" applyFont="1" applyFill="1" applyBorder="1" applyAlignment="1"/>
    <xf numFmtId="176" fontId="3" fillId="0" borderId="6" xfId="2" quotePrefix="1" applyNumberFormat="1" applyFont="1" applyFill="1" applyBorder="1" applyAlignment="1"/>
    <xf numFmtId="176" fontId="3" fillId="0" borderId="8" xfId="2" quotePrefix="1" applyNumberFormat="1" applyFont="1" applyFill="1" applyBorder="1" applyAlignment="1"/>
    <xf numFmtId="176" fontId="3" fillId="0" borderId="9" xfId="2" quotePrefix="1" applyNumberFormat="1" applyFont="1" applyFill="1" applyBorder="1" applyAlignment="1"/>
    <xf numFmtId="176" fontId="3" fillId="0" borderId="5" xfId="2" quotePrefix="1" applyNumberFormat="1" applyFont="1" applyFill="1" applyBorder="1" applyAlignment="1"/>
    <xf numFmtId="176" fontId="3" fillId="0" borderId="0" xfId="2" quotePrefix="1" applyNumberFormat="1" applyFont="1" applyFill="1" applyBorder="1" applyAlignment="1"/>
    <xf numFmtId="176" fontId="3" fillId="0" borderId="10" xfId="2" quotePrefix="1" applyNumberFormat="1" applyFont="1" applyFill="1" applyBorder="1" applyAlignment="1"/>
    <xf numFmtId="176" fontId="3" fillId="0" borderId="13" xfId="2" applyNumberFormat="1" applyFont="1" applyFill="1" applyBorder="1" applyAlignment="1">
      <alignment vertical="center"/>
    </xf>
    <xf numFmtId="176" fontId="3" fillId="0" borderId="1" xfId="2" applyNumberFormat="1" applyFont="1" applyFill="1" applyBorder="1" applyAlignment="1">
      <alignment vertical="center"/>
    </xf>
    <xf numFmtId="176" fontId="3" fillId="0" borderId="3" xfId="2" applyNumberFormat="1" applyFont="1" applyFill="1" applyBorder="1" applyAlignment="1"/>
    <xf numFmtId="176" fontId="3" fillId="0" borderId="4" xfId="2" applyNumberFormat="1" applyFont="1" applyFill="1" applyBorder="1" applyAlignment="1"/>
    <xf numFmtId="176" fontId="3" fillId="0" borderId="6" xfId="2" applyNumberFormat="1" applyFont="1" applyFill="1" applyBorder="1" applyAlignment="1"/>
    <xf numFmtId="176" fontId="3" fillId="0" borderId="7" xfId="2" applyNumberFormat="1" applyFont="1" applyFill="1" applyBorder="1" applyAlignment="1"/>
    <xf numFmtId="176" fontId="3" fillId="0" borderId="11" xfId="2" quotePrefix="1" applyNumberFormat="1" applyFont="1" applyFill="1" applyBorder="1" applyAlignment="1"/>
    <xf numFmtId="176" fontId="3" fillId="0" borderId="2" xfId="2" quotePrefix="1" applyNumberFormat="1" applyFont="1" applyFill="1" applyBorder="1" applyAlignment="1"/>
    <xf numFmtId="176" fontId="3" fillId="0" borderId="2" xfId="2" applyNumberFormat="1" applyFont="1" applyFill="1" applyBorder="1" applyAlignment="1"/>
    <xf numFmtId="176" fontId="3" fillId="0" borderId="7" xfId="2" quotePrefix="1" applyNumberFormat="1" applyFont="1" applyFill="1" applyBorder="1" applyAlignment="1"/>
    <xf numFmtId="0" fontId="1" fillId="0" borderId="0" xfId="0" applyFont="1" applyFill="1"/>
    <xf numFmtId="38" fontId="3" fillId="0" borderId="1" xfId="2" applyFont="1" applyFill="1" applyBorder="1" applyAlignment="1">
      <alignment horizontal="center" vertical="center" wrapText="1"/>
    </xf>
    <xf numFmtId="38" fontId="3" fillId="0" borderId="1" xfId="2" applyFont="1" applyFill="1" applyBorder="1" applyAlignment="1">
      <alignment horizontal="center" vertical="center"/>
    </xf>
    <xf numFmtId="38" fontId="6" fillId="0" borderId="9" xfId="2" applyFont="1" applyFill="1" applyBorder="1" applyAlignment="1">
      <alignment horizontal="center" vertical="center" wrapText="1"/>
    </xf>
    <xf numFmtId="38" fontId="6" fillId="0" borderId="5" xfId="2" applyFont="1" applyFill="1" applyBorder="1" applyAlignment="1">
      <alignment horizontal="center" vertical="center"/>
    </xf>
    <xf numFmtId="38" fontId="6" fillId="0" borderId="11" xfId="2" applyFont="1" applyFill="1" applyBorder="1" applyAlignment="1">
      <alignment horizontal="center" vertical="center"/>
    </xf>
    <xf numFmtId="38" fontId="3" fillId="0" borderId="13" xfId="2" applyFont="1" applyFill="1" applyBorder="1" applyAlignment="1">
      <alignment horizontal="distributed" vertical="center" justifyLastLine="1"/>
    </xf>
    <xf numFmtId="38" fontId="3" fillId="0" borderId="16" xfId="2" applyFont="1" applyFill="1" applyBorder="1" applyAlignment="1">
      <alignment horizontal="distributed" vertical="center" justifyLastLine="1"/>
    </xf>
    <xf numFmtId="38" fontId="3" fillId="0" borderId="14" xfId="2" applyFont="1" applyFill="1" applyBorder="1" applyAlignment="1">
      <alignment horizontal="distributed" vertical="center" justifyLastLine="1"/>
    </xf>
    <xf numFmtId="38" fontId="3" fillId="0" borderId="3" xfId="2" applyFont="1" applyFill="1" applyBorder="1" applyAlignment="1">
      <alignment horizontal="center" vertical="center" wrapText="1"/>
    </xf>
    <xf numFmtId="38" fontId="3" fillId="0" borderId="4" xfId="2" applyFont="1" applyFill="1" applyBorder="1" applyAlignment="1">
      <alignment horizontal="center" vertical="center"/>
    </xf>
    <xf numFmtId="38" fontId="3" fillId="0" borderId="2" xfId="2" applyFont="1" applyFill="1" applyBorder="1" applyAlignment="1">
      <alignment horizontal="center" vertical="center"/>
    </xf>
    <xf numFmtId="38" fontId="3" fillId="0" borderId="13" xfId="2" applyFont="1" applyFill="1" applyBorder="1" applyAlignment="1">
      <alignment horizontal="center" vertical="center" wrapText="1"/>
    </xf>
    <xf numFmtId="38" fontId="3" fillId="0" borderId="13" xfId="2" applyFont="1" applyFill="1" applyBorder="1" applyAlignment="1">
      <alignment horizontal="center" vertical="center"/>
    </xf>
    <xf numFmtId="38" fontId="3" fillId="0" borderId="17" xfId="2" applyFont="1" applyFill="1" applyBorder="1" applyAlignment="1">
      <alignment horizontal="center" vertical="center" wrapText="1"/>
    </xf>
    <xf numFmtId="38" fontId="3" fillId="0" borderId="12" xfId="2" applyFont="1" applyFill="1" applyBorder="1" applyAlignment="1">
      <alignment horizontal="center" vertical="center"/>
    </xf>
    <xf numFmtId="38" fontId="3" fillId="0" borderId="15" xfId="2" applyFont="1" applyFill="1" applyBorder="1" applyAlignment="1">
      <alignment horizontal="center" vertical="center"/>
    </xf>
    <xf numFmtId="38" fontId="3" fillId="0" borderId="16" xfId="2" applyFont="1" applyFill="1" applyBorder="1" applyAlignment="1">
      <alignment horizontal="center" vertical="center"/>
    </xf>
    <xf numFmtId="38" fontId="3" fillId="0" borderId="14" xfId="2" applyFont="1" applyFill="1" applyBorder="1" applyAlignment="1">
      <alignment horizontal="center" vertical="center"/>
    </xf>
    <xf numFmtId="38" fontId="6" fillId="0" borderId="3" xfId="2" applyFont="1" applyFill="1" applyBorder="1" applyAlignment="1">
      <alignment horizontal="center" vertical="center" wrapText="1"/>
    </xf>
    <xf numFmtId="38" fontId="6" fillId="0" borderId="4" xfId="2" applyFont="1" applyFill="1" applyBorder="1" applyAlignment="1">
      <alignment horizontal="center" vertical="center"/>
    </xf>
    <xf numFmtId="38" fontId="6" fillId="0" borderId="2" xfId="2" applyFont="1" applyFill="1" applyBorder="1" applyAlignment="1">
      <alignment horizontal="center" vertical="center"/>
    </xf>
    <xf numFmtId="38" fontId="3" fillId="0" borderId="1" xfId="2" applyFont="1" applyFill="1" applyBorder="1" applyAlignment="1">
      <alignment horizontal="distributed" vertical="center" justifyLastLine="1"/>
    </xf>
    <xf numFmtId="38" fontId="3" fillId="0" borderId="3" xfId="2" applyFont="1" applyFill="1" applyBorder="1" applyAlignment="1">
      <alignment horizontal="distributed" vertical="center" justifyLastLine="1"/>
    </xf>
    <xf numFmtId="38" fontId="3" fillId="0" borderId="4" xfId="2" applyFont="1" applyFill="1" applyBorder="1" applyAlignment="1">
      <alignment horizontal="distributed" vertical="center" justifyLastLine="1"/>
    </xf>
    <xf numFmtId="38" fontId="3" fillId="0" borderId="2" xfId="2" applyFont="1" applyFill="1" applyBorder="1" applyAlignment="1">
      <alignment horizontal="distributed" vertical="center" justifyLastLine="1"/>
    </xf>
    <xf numFmtId="176" fontId="3" fillId="0" borderId="18" xfId="2" applyNumberFormat="1" applyFont="1" applyFill="1" applyBorder="1" applyAlignment="1"/>
    <xf numFmtId="176" fontId="1" fillId="0" borderId="19" xfId="0" applyNumberFormat="1" applyFont="1" applyFill="1" applyBorder="1" applyAlignment="1"/>
    <xf numFmtId="176" fontId="1" fillId="0" borderId="20" xfId="0" applyNumberFormat="1" applyFont="1" applyFill="1" applyBorder="1" applyAlignment="1"/>
    <xf numFmtId="38" fontId="3" fillId="0" borderId="4" xfId="2" applyFont="1" applyFill="1" applyBorder="1" applyAlignment="1">
      <alignment horizontal="center" vertical="center" wrapText="1"/>
    </xf>
    <xf numFmtId="38" fontId="3" fillId="0" borderId="2" xfId="2" applyFont="1" applyFill="1" applyBorder="1" applyAlignment="1">
      <alignment horizontal="center" vertical="center" wrapText="1"/>
    </xf>
    <xf numFmtId="38" fontId="3" fillId="0" borderId="3" xfId="2" applyFont="1" applyFill="1" applyBorder="1" applyAlignment="1">
      <alignment horizontal="center" vertical="center" wrapText="1" justifyLastLine="1"/>
    </xf>
    <xf numFmtId="38" fontId="3" fillId="0" borderId="4" xfId="2" applyFont="1" applyFill="1" applyBorder="1" applyAlignment="1">
      <alignment horizontal="center" vertical="center" justifyLastLine="1"/>
    </xf>
    <xf numFmtId="38" fontId="3" fillId="0" borderId="2" xfId="2" applyFont="1" applyFill="1" applyBorder="1" applyAlignment="1">
      <alignment horizontal="center" vertical="center" justifyLastLine="1"/>
    </xf>
    <xf numFmtId="38" fontId="3" fillId="0" borderId="3" xfId="2" applyFont="1" applyFill="1" applyBorder="1" applyAlignment="1">
      <alignment horizontal="center" vertical="center" justifyLastLine="1"/>
    </xf>
    <xf numFmtId="38" fontId="3" fillId="0" borderId="13" xfId="2" applyFont="1" applyFill="1" applyBorder="1" applyAlignment="1">
      <alignment horizontal="center" vertical="center" justifyLastLine="1"/>
    </xf>
    <xf numFmtId="38" fontId="3" fillId="0" borderId="16" xfId="2" applyFont="1" applyFill="1" applyBorder="1" applyAlignment="1">
      <alignment horizontal="center" vertical="center" justifyLastLine="1"/>
    </xf>
    <xf numFmtId="38" fontId="3" fillId="0" borderId="14" xfId="2" applyFont="1" applyFill="1" applyBorder="1" applyAlignment="1">
      <alignment horizontal="center" vertical="center" justifyLastLine="1"/>
    </xf>
    <xf numFmtId="38" fontId="3" fillId="0" borderId="3" xfId="2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 wrapText="1"/>
    </xf>
    <xf numFmtId="0" fontId="8" fillId="0" borderId="2" xfId="0" applyFont="1" applyFill="1" applyBorder="1" applyAlignment="1">
      <alignment horizontal="center" vertical="center" wrapText="1"/>
    </xf>
    <xf numFmtId="38" fontId="3" fillId="0" borderId="16" xfId="2" applyFont="1" applyFill="1" applyBorder="1" applyAlignment="1">
      <alignment horizontal="center" vertical="center" wrapText="1"/>
    </xf>
    <xf numFmtId="38" fontId="3" fillId="0" borderId="14" xfId="2" applyFont="1" applyFill="1" applyBorder="1" applyAlignment="1">
      <alignment horizontal="center" vertical="center" wrapText="1"/>
    </xf>
    <xf numFmtId="176" fontId="3" fillId="0" borderId="18" xfId="2" applyNumberFormat="1" applyFont="1" applyFill="1" applyBorder="1" applyAlignment="1">
      <alignment horizontal="center"/>
    </xf>
    <xf numFmtId="176" fontId="3" fillId="0" borderId="19" xfId="2" applyNumberFormat="1" applyFont="1" applyFill="1" applyBorder="1" applyAlignment="1">
      <alignment horizontal="center"/>
    </xf>
    <xf numFmtId="176" fontId="3" fillId="0" borderId="20" xfId="2" applyNumberFormat="1" applyFont="1" applyFill="1" applyBorder="1" applyAlignment="1">
      <alignment horizontal="center"/>
    </xf>
    <xf numFmtId="38" fontId="3" fillId="0" borderId="4" xfId="2" applyFont="1" applyFill="1" applyBorder="1" applyAlignment="1">
      <alignment horizontal="center" vertical="center" wrapText="1" justifyLastLine="1"/>
    </xf>
    <xf numFmtId="38" fontId="3" fillId="0" borderId="2" xfId="2" applyFont="1" applyFill="1" applyBorder="1" applyAlignment="1">
      <alignment horizontal="center" vertical="center" wrapText="1" justifyLastLine="1"/>
    </xf>
    <xf numFmtId="0" fontId="1" fillId="0" borderId="4" xfId="0" applyFont="1" applyFill="1" applyBorder="1" applyAlignment="1">
      <alignment horizontal="center" vertical="center" wrapText="1"/>
    </xf>
    <xf numFmtId="0" fontId="1" fillId="0" borderId="2" xfId="0" applyFont="1" applyFill="1" applyBorder="1" applyAlignment="1">
      <alignment horizontal="center" vertical="center" wrapText="1"/>
    </xf>
  </cellXfs>
  <cellStyles count="3">
    <cellStyle name="パーセント" xfId="1" builtinId="5"/>
    <cellStyle name="桁区切り" xfId="2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9525</xdr:rowOff>
    </xdr:from>
    <xdr:to>
      <xdr:col>1</xdr:col>
      <xdr:colOff>0</xdr:colOff>
      <xdr:row>7</xdr:row>
      <xdr:rowOff>0</xdr:rowOff>
    </xdr:to>
    <xdr:sp macro="" textlink="">
      <xdr:nvSpPr>
        <xdr:cNvPr id="3151" name="Line 1"/>
        <xdr:cNvSpPr>
          <a:spLocks noChangeShapeType="1"/>
        </xdr:cNvSpPr>
      </xdr:nvSpPr>
      <xdr:spPr bwMode="auto">
        <a:xfrm flipH="1" flipV="1">
          <a:off x="0" y="533400"/>
          <a:ext cx="895350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9525</xdr:rowOff>
    </xdr:from>
    <xdr:to>
      <xdr:col>1</xdr:col>
      <xdr:colOff>0</xdr:colOff>
      <xdr:row>7</xdr:row>
      <xdr:rowOff>0</xdr:rowOff>
    </xdr:to>
    <xdr:sp macro="" textlink="">
      <xdr:nvSpPr>
        <xdr:cNvPr id="4175" name="Line 1"/>
        <xdr:cNvSpPr>
          <a:spLocks noChangeShapeType="1"/>
        </xdr:cNvSpPr>
      </xdr:nvSpPr>
      <xdr:spPr bwMode="auto">
        <a:xfrm flipH="1" flipV="1">
          <a:off x="0" y="533400"/>
          <a:ext cx="962025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</xdr:row>
      <xdr:rowOff>9525</xdr:rowOff>
    </xdr:from>
    <xdr:to>
      <xdr:col>1</xdr:col>
      <xdr:colOff>0</xdr:colOff>
      <xdr:row>5</xdr:row>
      <xdr:rowOff>0</xdr:rowOff>
    </xdr:to>
    <xdr:sp macro="" textlink="">
      <xdr:nvSpPr>
        <xdr:cNvPr id="5199" name="Line 1"/>
        <xdr:cNvSpPr>
          <a:spLocks noChangeShapeType="1"/>
        </xdr:cNvSpPr>
      </xdr:nvSpPr>
      <xdr:spPr bwMode="auto">
        <a:xfrm flipH="1" flipV="1">
          <a:off x="0" y="161925"/>
          <a:ext cx="962025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9525</xdr:rowOff>
    </xdr:from>
    <xdr:to>
      <xdr:col>1</xdr:col>
      <xdr:colOff>0</xdr:colOff>
      <xdr:row>7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H="1" flipV="1">
          <a:off x="0" y="530225"/>
          <a:ext cx="762000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</xdr:row>
      <xdr:rowOff>9525</xdr:rowOff>
    </xdr:from>
    <xdr:to>
      <xdr:col>1</xdr:col>
      <xdr:colOff>0</xdr:colOff>
      <xdr:row>5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H="1" flipV="1">
          <a:off x="0" y="161925"/>
          <a:ext cx="882650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3"/>
  <sheetViews>
    <sheetView tabSelected="1" zoomScaleNormal="100" workbookViewId="0">
      <pane xSplit="1" ySplit="7" topLeftCell="B23" activePane="bottomRight" state="frozen"/>
      <selection activeCell="D20" sqref="D20"/>
      <selection pane="topRight" activeCell="D20" sqref="D20"/>
      <selection pane="bottomLeft" activeCell="D20" sqref="D20"/>
      <selection pane="bottomRight"/>
    </sheetView>
  </sheetViews>
  <sheetFormatPr defaultColWidth="12.6328125" defaultRowHeight="11.15" customHeight="1" x14ac:dyDescent="0.2"/>
  <cols>
    <col min="1" max="1" width="11.90625" style="3" customWidth="1"/>
    <col min="2" max="2" width="9.26953125" style="3" customWidth="1"/>
    <col min="3" max="3" width="8.08984375" style="3" customWidth="1"/>
    <col min="4" max="4" width="9.26953125" style="3" customWidth="1"/>
    <col min="5" max="5" width="7.36328125" style="3" customWidth="1"/>
    <col min="6" max="12" width="7" style="3" customWidth="1"/>
    <col min="13" max="13" width="8.26953125" style="3" customWidth="1"/>
    <col min="14" max="14" width="8" style="3" customWidth="1"/>
    <col min="15" max="16" width="8.90625" style="3" customWidth="1"/>
    <col min="17" max="16384" width="12.6328125" style="3"/>
  </cols>
  <sheetData>
    <row r="1" spans="1:16" ht="15.75" customHeight="1" x14ac:dyDescent="0.2">
      <c r="A1" s="4" t="s">
        <v>88</v>
      </c>
    </row>
    <row r="2" spans="1:16" ht="13.5" customHeight="1" x14ac:dyDescent="0.2">
      <c r="A2" s="5" t="s">
        <v>38</v>
      </c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6"/>
      <c r="O2" s="6"/>
      <c r="P2" s="6"/>
    </row>
    <row r="3" spans="1:16" ht="12" customHeight="1" x14ac:dyDescent="0.2">
      <c r="B3" s="6"/>
      <c r="C3" s="6"/>
      <c r="D3" s="6"/>
      <c r="E3" s="6"/>
      <c r="F3" s="6"/>
      <c r="G3" s="6"/>
      <c r="H3" s="6"/>
      <c r="I3" s="6"/>
      <c r="J3" s="6"/>
      <c r="K3" s="6"/>
      <c r="L3" s="7"/>
      <c r="M3" s="6"/>
      <c r="N3" s="6"/>
      <c r="O3" s="6"/>
      <c r="P3" s="7" t="s">
        <v>39</v>
      </c>
    </row>
    <row r="4" spans="1:16" ht="12" customHeight="1" x14ac:dyDescent="0.2">
      <c r="A4" s="8" t="s">
        <v>33</v>
      </c>
      <c r="B4" s="51" t="s">
        <v>40</v>
      </c>
      <c r="C4" s="52"/>
      <c r="D4" s="53"/>
      <c r="E4" s="58" t="s">
        <v>41</v>
      </c>
      <c r="F4" s="62"/>
      <c r="G4" s="62"/>
      <c r="H4" s="62"/>
      <c r="I4" s="62"/>
      <c r="J4" s="62"/>
      <c r="K4" s="62"/>
      <c r="L4" s="62"/>
      <c r="M4" s="62"/>
      <c r="N4" s="63"/>
      <c r="O4" s="54" t="s">
        <v>42</v>
      </c>
      <c r="P4" s="59" t="s">
        <v>43</v>
      </c>
    </row>
    <row r="5" spans="1:16" ht="12" customHeight="1" x14ac:dyDescent="0.2">
      <c r="A5" s="9"/>
      <c r="B5" s="57" t="s">
        <v>44</v>
      </c>
      <c r="C5" s="46" t="s">
        <v>45</v>
      </c>
      <c r="D5" s="46" t="s">
        <v>34</v>
      </c>
      <c r="E5" s="64" t="s">
        <v>74</v>
      </c>
      <c r="F5" s="48" t="s">
        <v>75</v>
      </c>
      <c r="G5" s="48" t="s">
        <v>76</v>
      </c>
      <c r="H5" s="48" t="s">
        <v>77</v>
      </c>
      <c r="I5" s="48" t="s">
        <v>78</v>
      </c>
      <c r="J5" s="48" t="s">
        <v>79</v>
      </c>
      <c r="K5" s="48" t="s">
        <v>80</v>
      </c>
      <c r="L5" s="64" t="s">
        <v>81</v>
      </c>
      <c r="M5" s="48" t="s">
        <v>46</v>
      </c>
      <c r="N5" s="46" t="s">
        <v>34</v>
      </c>
      <c r="O5" s="55"/>
      <c r="P5" s="60"/>
    </row>
    <row r="6" spans="1:16" ht="12" customHeight="1" x14ac:dyDescent="0.2">
      <c r="A6" s="9"/>
      <c r="B6" s="58"/>
      <c r="C6" s="47"/>
      <c r="D6" s="47"/>
      <c r="E6" s="65"/>
      <c r="F6" s="49"/>
      <c r="G6" s="49"/>
      <c r="H6" s="49"/>
      <c r="I6" s="49"/>
      <c r="J6" s="49"/>
      <c r="K6" s="49"/>
      <c r="L6" s="65"/>
      <c r="M6" s="49"/>
      <c r="N6" s="47"/>
      <c r="O6" s="55"/>
      <c r="P6" s="60"/>
    </row>
    <row r="7" spans="1:16" ht="12" customHeight="1" x14ac:dyDescent="0.2">
      <c r="A7" s="10" t="s">
        <v>35</v>
      </c>
      <c r="B7" s="58"/>
      <c r="C7" s="47"/>
      <c r="D7" s="47"/>
      <c r="E7" s="66"/>
      <c r="F7" s="50"/>
      <c r="G7" s="50"/>
      <c r="H7" s="50"/>
      <c r="I7" s="50"/>
      <c r="J7" s="50"/>
      <c r="K7" s="50"/>
      <c r="L7" s="66"/>
      <c r="M7" s="50"/>
      <c r="N7" s="47"/>
      <c r="O7" s="56"/>
      <c r="P7" s="61"/>
    </row>
    <row r="8" spans="1:16" ht="12" customHeight="1" x14ac:dyDescent="0.2">
      <c r="A8" s="11" t="s">
        <v>36</v>
      </c>
      <c r="B8" s="19">
        <v>1999635</v>
      </c>
      <c r="C8" s="19">
        <v>5955</v>
      </c>
      <c r="D8" s="20">
        <v>2005590</v>
      </c>
      <c r="E8" s="19">
        <v>820</v>
      </c>
      <c r="F8" s="19">
        <v>394</v>
      </c>
      <c r="G8" s="19">
        <v>4239</v>
      </c>
      <c r="H8" s="19">
        <v>694</v>
      </c>
      <c r="I8" s="19">
        <v>4693</v>
      </c>
      <c r="J8" s="19">
        <v>1193</v>
      </c>
      <c r="K8" s="19">
        <v>14348</v>
      </c>
      <c r="L8" s="19">
        <v>775</v>
      </c>
      <c r="M8" s="19">
        <v>93814</v>
      </c>
      <c r="N8" s="20">
        <v>120970</v>
      </c>
      <c r="O8" s="19">
        <v>1926958</v>
      </c>
      <c r="P8" s="19">
        <v>119184</v>
      </c>
    </row>
    <row r="9" spans="1:16" ht="12" customHeight="1" x14ac:dyDescent="0.2">
      <c r="A9" s="12" t="s">
        <v>0</v>
      </c>
      <c r="B9" s="19">
        <v>859511</v>
      </c>
      <c r="C9" s="19">
        <v>1555</v>
      </c>
      <c r="D9" s="19">
        <v>861066</v>
      </c>
      <c r="E9" s="19">
        <v>294</v>
      </c>
      <c r="F9" s="19">
        <v>139</v>
      </c>
      <c r="G9" s="19">
        <v>1804</v>
      </c>
      <c r="H9" s="19">
        <v>279</v>
      </c>
      <c r="I9" s="19">
        <v>1797</v>
      </c>
      <c r="J9" s="19">
        <v>407</v>
      </c>
      <c r="K9" s="19">
        <v>5772</v>
      </c>
      <c r="L9" s="19">
        <v>212</v>
      </c>
      <c r="M9" s="19">
        <v>41645</v>
      </c>
      <c r="N9" s="19">
        <v>52349</v>
      </c>
      <c r="O9" s="19">
        <v>832760</v>
      </c>
      <c r="P9" s="19">
        <v>48125</v>
      </c>
    </row>
    <row r="10" spans="1:16" ht="12" customHeight="1" x14ac:dyDescent="0.2">
      <c r="A10" s="12" t="s">
        <v>8</v>
      </c>
      <c r="B10" s="19">
        <v>374041</v>
      </c>
      <c r="C10" s="19">
        <v>164</v>
      </c>
      <c r="D10" s="19">
        <v>374205</v>
      </c>
      <c r="E10" s="19">
        <v>87</v>
      </c>
      <c r="F10" s="19">
        <v>36</v>
      </c>
      <c r="G10" s="19">
        <v>719</v>
      </c>
      <c r="H10" s="19">
        <v>99</v>
      </c>
      <c r="I10" s="19">
        <v>678</v>
      </c>
      <c r="J10" s="19">
        <v>216</v>
      </c>
      <c r="K10" s="19">
        <v>2341</v>
      </c>
      <c r="L10" s="19">
        <v>97</v>
      </c>
      <c r="M10" s="19">
        <v>13989</v>
      </c>
      <c r="N10" s="19">
        <v>18262</v>
      </c>
      <c r="O10" s="19">
        <v>358958</v>
      </c>
      <c r="P10" s="19">
        <v>16919</v>
      </c>
    </row>
    <row r="11" spans="1:16" ht="12" customHeight="1" x14ac:dyDescent="0.2">
      <c r="A11" s="11" t="s">
        <v>1</v>
      </c>
      <c r="B11" s="20">
        <v>198716</v>
      </c>
      <c r="C11" s="20">
        <v>243</v>
      </c>
      <c r="D11" s="20">
        <v>198959</v>
      </c>
      <c r="E11" s="20">
        <v>55</v>
      </c>
      <c r="F11" s="20">
        <v>26</v>
      </c>
      <c r="G11" s="20">
        <v>304</v>
      </c>
      <c r="H11" s="20">
        <v>39</v>
      </c>
      <c r="I11" s="20">
        <v>243</v>
      </c>
      <c r="J11" s="20">
        <v>99</v>
      </c>
      <c r="K11" s="20">
        <v>986</v>
      </c>
      <c r="L11" s="20">
        <v>52</v>
      </c>
      <c r="M11" s="20">
        <v>6829</v>
      </c>
      <c r="N11" s="20">
        <v>8633</v>
      </c>
      <c r="O11" s="20">
        <v>189644</v>
      </c>
      <c r="P11" s="20">
        <v>8599</v>
      </c>
    </row>
    <row r="12" spans="1:16" ht="12" customHeight="1" x14ac:dyDescent="0.2">
      <c r="A12" s="12" t="s">
        <v>2</v>
      </c>
      <c r="B12" s="19">
        <v>129880</v>
      </c>
      <c r="C12" s="19">
        <v>75</v>
      </c>
      <c r="D12" s="19">
        <v>129955</v>
      </c>
      <c r="E12" s="19">
        <v>50</v>
      </c>
      <c r="F12" s="19">
        <v>26</v>
      </c>
      <c r="G12" s="19">
        <v>317</v>
      </c>
      <c r="H12" s="19">
        <v>58</v>
      </c>
      <c r="I12" s="19">
        <v>265</v>
      </c>
      <c r="J12" s="19">
        <v>79</v>
      </c>
      <c r="K12" s="19">
        <v>930</v>
      </c>
      <c r="L12" s="19">
        <v>57</v>
      </c>
      <c r="M12" s="19">
        <v>5301</v>
      </c>
      <c r="N12" s="19">
        <v>7083</v>
      </c>
      <c r="O12" s="19">
        <v>124094</v>
      </c>
      <c r="P12" s="19">
        <v>7060</v>
      </c>
    </row>
    <row r="13" spans="1:16" ht="12" customHeight="1" x14ac:dyDescent="0.2">
      <c r="A13" s="12" t="s">
        <v>3</v>
      </c>
      <c r="B13" s="19">
        <v>91683</v>
      </c>
      <c r="C13" s="19">
        <v>264</v>
      </c>
      <c r="D13" s="19">
        <v>91947</v>
      </c>
      <c r="E13" s="19">
        <v>28</v>
      </c>
      <c r="F13" s="19">
        <v>13</v>
      </c>
      <c r="G13" s="19">
        <v>183</v>
      </c>
      <c r="H13" s="19">
        <v>23</v>
      </c>
      <c r="I13" s="19">
        <v>181</v>
      </c>
      <c r="J13" s="19">
        <v>41</v>
      </c>
      <c r="K13" s="19">
        <v>628</v>
      </c>
      <c r="L13" s="19">
        <v>22</v>
      </c>
      <c r="M13" s="19">
        <v>6129</v>
      </c>
      <c r="N13" s="19">
        <v>7248</v>
      </c>
      <c r="O13" s="19">
        <v>87672</v>
      </c>
      <c r="P13" s="19">
        <v>7248</v>
      </c>
    </row>
    <row r="14" spans="1:16" ht="12" customHeight="1" x14ac:dyDescent="0.2">
      <c r="A14" s="12" t="s">
        <v>4</v>
      </c>
      <c r="B14" s="19">
        <v>230381</v>
      </c>
      <c r="C14" s="19">
        <v>19</v>
      </c>
      <c r="D14" s="19">
        <v>230400</v>
      </c>
      <c r="E14" s="19">
        <v>91</v>
      </c>
      <c r="F14" s="19">
        <v>37</v>
      </c>
      <c r="G14" s="19">
        <v>462</v>
      </c>
      <c r="H14" s="19">
        <v>79</v>
      </c>
      <c r="I14" s="19">
        <v>437</v>
      </c>
      <c r="J14" s="19">
        <v>116</v>
      </c>
      <c r="K14" s="19">
        <v>1346</v>
      </c>
      <c r="L14" s="19">
        <v>73</v>
      </c>
      <c r="M14" s="19">
        <v>9641</v>
      </c>
      <c r="N14" s="19">
        <v>12282</v>
      </c>
      <c r="O14" s="19">
        <v>221749</v>
      </c>
      <c r="P14" s="19">
        <v>12101</v>
      </c>
    </row>
    <row r="15" spans="1:16" ht="12" customHeight="1" x14ac:dyDescent="0.2">
      <c r="A15" s="12" t="s">
        <v>5</v>
      </c>
      <c r="B15" s="19">
        <v>97343</v>
      </c>
      <c r="C15" s="19">
        <v>42</v>
      </c>
      <c r="D15" s="19">
        <v>97385</v>
      </c>
      <c r="E15" s="19">
        <v>42</v>
      </c>
      <c r="F15" s="19">
        <v>15</v>
      </c>
      <c r="G15" s="19">
        <v>269</v>
      </c>
      <c r="H15" s="19">
        <v>26</v>
      </c>
      <c r="I15" s="19">
        <v>196</v>
      </c>
      <c r="J15" s="19">
        <v>76</v>
      </c>
      <c r="K15" s="19">
        <v>723</v>
      </c>
      <c r="L15" s="19">
        <v>37</v>
      </c>
      <c r="M15" s="19">
        <v>4110</v>
      </c>
      <c r="N15" s="19">
        <v>5494</v>
      </c>
      <c r="O15" s="19">
        <v>92485</v>
      </c>
      <c r="P15" s="19">
        <v>5441</v>
      </c>
    </row>
    <row r="16" spans="1:16" ht="12" customHeight="1" x14ac:dyDescent="0.2">
      <c r="A16" s="13" t="s">
        <v>6</v>
      </c>
      <c r="B16" s="21">
        <v>124919</v>
      </c>
      <c r="C16" s="21">
        <v>44</v>
      </c>
      <c r="D16" s="21">
        <v>124963</v>
      </c>
      <c r="E16" s="21">
        <v>23</v>
      </c>
      <c r="F16" s="21">
        <v>9</v>
      </c>
      <c r="G16" s="21">
        <v>176</v>
      </c>
      <c r="H16" s="21">
        <v>24</v>
      </c>
      <c r="I16" s="21">
        <v>140</v>
      </c>
      <c r="J16" s="21">
        <v>40</v>
      </c>
      <c r="K16" s="21">
        <v>475</v>
      </c>
      <c r="L16" s="21">
        <v>18</v>
      </c>
      <c r="M16" s="21">
        <v>4558</v>
      </c>
      <c r="N16" s="21">
        <v>5463</v>
      </c>
      <c r="O16" s="21">
        <v>119737</v>
      </c>
      <c r="P16" s="21">
        <v>5398</v>
      </c>
    </row>
    <row r="17" spans="1:16" ht="12" customHeight="1" x14ac:dyDescent="0.2">
      <c r="A17" s="14" t="s">
        <v>7</v>
      </c>
      <c r="B17" s="19">
        <v>30069</v>
      </c>
      <c r="C17" s="19">
        <v>0</v>
      </c>
      <c r="D17" s="19">
        <v>30069</v>
      </c>
      <c r="E17" s="19">
        <v>5</v>
      </c>
      <c r="F17" s="19">
        <v>2</v>
      </c>
      <c r="G17" s="19">
        <v>59</v>
      </c>
      <c r="H17" s="19">
        <v>3</v>
      </c>
      <c r="I17" s="19">
        <v>44</v>
      </c>
      <c r="J17" s="19">
        <v>7</v>
      </c>
      <c r="K17" s="19">
        <v>171</v>
      </c>
      <c r="L17" s="19">
        <v>6</v>
      </c>
      <c r="M17" s="19">
        <v>1492</v>
      </c>
      <c r="N17" s="19">
        <v>1789</v>
      </c>
      <c r="O17" s="19">
        <v>28726</v>
      </c>
      <c r="P17" s="19">
        <v>1759</v>
      </c>
    </row>
    <row r="18" spans="1:16" ht="12" customHeight="1" x14ac:dyDescent="0.2">
      <c r="A18" s="12" t="s">
        <v>9</v>
      </c>
      <c r="B18" s="19">
        <v>20643</v>
      </c>
      <c r="C18" s="19">
        <v>288</v>
      </c>
      <c r="D18" s="19">
        <v>20931</v>
      </c>
      <c r="E18" s="19">
        <v>5</v>
      </c>
      <c r="F18" s="19">
        <v>4</v>
      </c>
      <c r="G18" s="19">
        <v>36</v>
      </c>
      <c r="H18" s="19">
        <v>4</v>
      </c>
      <c r="I18" s="19">
        <v>30</v>
      </c>
      <c r="J18" s="19">
        <v>4</v>
      </c>
      <c r="K18" s="19">
        <v>134</v>
      </c>
      <c r="L18" s="19">
        <v>4</v>
      </c>
      <c r="M18" s="19">
        <v>938</v>
      </c>
      <c r="N18" s="19">
        <v>1159</v>
      </c>
      <c r="O18" s="19">
        <v>19371</v>
      </c>
      <c r="P18" s="19">
        <v>1109</v>
      </c>
    </row>
    <row r="19" spans="1:16" ht="12" customHeight="1" x14ac:dyDescent="0.2">
      <c r="A19" s="12" t="s">
        <v>10</v>
      </c>
      <c r="B19" s="19">
        <v>80592</v>
      </c>
      <c r="C19" s="19">
        <v>0</v>
      </c>
      <c r="D19" s="19">
        <v>80592</v>
      </c>
      <c r="E19" s="19">
        <v>29</v>
      </c>
      <c r="F19" s="19">
        <v>5</v>
      </c>
      <c r="G19" s="19">
        <v>146</v>
      </c>
      <c r="H19" s="19">
        <v>28</v>
      </c>
      <c r="I19" s="19">
        <v>114</v>
      </c>
      <c r="J19" s="19">
        <v>40</v>
      </c>
      <c r="K19" s="19">
        <v>387</v>
      </c>
      <c r="L19" s="19">
        <v>28</v>
      </c>
      <c r="M19" s="19">
        <v>2397</v>
      </c>
      <c r="N19" s="19">
        <v>3174</v>
      </c>
      <c r="O19" s="19">
        <v>76664</v>
      </c>
      <c r="P19" s="19">
        <v>3159</v>
      </c>
    </row>
    <row r="20" spans="1:16" ht="12" customHeight="1" x14ac:dyDescent="0.2">
      <c r="A20" s="12" t="s">
        <v>11</v>
      </c>
      <c r="B20" s="19">
        <v>117159</v>
      </c>
      <c r="C20" s="19">
        <v>109</v>
      </c>
      <c r="D20" s="19">
        <v>117268</v>
      </c>
      <c r="E20" s="19">
        <v>78</v>
      </c>
      <c r="F20" s="19">
        <v>36</v>
      </c>
      <c r="G20" s="19">
        <v>487</v>
      </c>
      <c r="H20" s="19">
        <v>73</v>
      </c>
      <c r="I20" s="19">
        <v>442</v>
      </c>
      <c r="J20" s="19">
        <v>126</v>
      </c>
      <c r="K20" s="19">
        <v>1102</v>
      </c>
      <c r="L20" s="19">
        <v>70</v>
      </c>
      <c r="M20" s="19">
        <v>5143</v>
      </c>
      <c r="N20" s="19">
        <v>7557</v>
      </c>
      <c r="O20" s="19">
        <v>112302</v>
      </c>
      <c r="P20" s="19">
        <v>7511</v>
      </c>
    </row>
    <row r="21" spans="1:16" ht="12" customHeight="1" x14ac:dyDescent="0.2">
      <c r="A21" s="13" t="s">
        <v>12</v>
      </c>
      <c r="B21" s="21">
        <v>129100</v>
      </c>
      <c r="C21" s="21">
        <v>0</v>
      </c>
      <c r="D21" s="21">
        <v>129100</v>
      </c>
      <c r="E21" s="21">
        <v>36</v>
      </c>
      <c r="F21" s="21">
        <v>19</v>
      </c>
      <c r="G21" s="21">
        <v>260</v>
      </c>
      <c r="H21" s="21">
        <v>32</v>
      </c>
      <c r="I21" s="21">
        <v>231</v>
      </c>
      <c r="J21" s="21">
        <v>66</v>
      </c>
      <c r="K21" s="21">
        <v>711</v>
      </c>
      <c r="L21" s="21">
        <v>38</v>
      </c>
      <c r="M21" s="21">
        <v>4879</v>
      </c>
      <c r="N21" s="21">
        <v>6272</v>
      </c>
      <c r="O21" s="21">
        <v>124307</v>
      </c>
      <c r="P21" s="21">
        <v>6182</v>
      </c>
    </row>
    <row r="22" spans="1:16" ht="12" customHeight="1" x14ac:dyDescent="0.2">
      <c r="A22" s="14" t="s">
        <v>13</v>
      </c>
      <c r="B22" s="19">
        <v>53668</v>
      </c>
      <c r="C22" s="19">
        <v>0</v>
      </c>
      <c r="D22" s="19">
        <v>53668</v>
      </c>
      <c r="E22" s="19">
        <v>23</v>
      </c>
      <c r="F22" s="19">
        <v>13</v>
      </c>
      <c r="G22" s="19">
        <v>130</v>
      </c>
      <c r="H22" s="19">
        <v>19</v>
      </c>
      <c r="I22" s="19">
        <v>123</v>
      </c>
      <c r="J22" s="19">
        <v>45</v>
      </c>
      <c r="K22" s="19">
        <v>382</v>
      </c>
      <c r="L22" s="19">
        <v>13</v>
      </c>
      <c r="M22" s="19">
        <v>2243</v>
      </c>
      <c r="N22" s="19">
        <v>2991</v>
      </c>
      <c r="O22" s="19">
        <v>50633</v>
      </c>
      <c r="P22" s="19">
        <v>2968</v>
      </c>
    </row>
    <row r="23" spans="1:16" ht="12" customHeight="1" x14ac:dyDescent="0.2">
      <c r="A23" s="12" t="s">
        <v>14</v>
      </c>
      <c r="B23" s="19">
        <v>72518</v>
      </c>
      <c r="C23" s="19">
        <v>10</v>
      </c>
      <c r="D23" s="19">
        <v>72528</v>
      </c>
      <c r="E23" s="19">
        <v>39</v>
      </c>
      <c r="F23" s="19">
        <v>11</v>
      </c>
      <c r="G23" s="19">
        <v>260</v>
      </c>
      <c r="H23" s="19">
        <v>22</v>
      </c>
      <c r="I23" s="19">
        <v>239</v>
      </c>
      <c r="J23" s="19">
        <v>48</v>
      </c>
      <c r="K23" s="19">
        <v>533</v>
      </c>
      <c r="L23" s="19">
        <v>20</v>
      </c>
      <c r="M23" s="19">
        <v>2242</v>
      </c>
      <c r="N23" s="19">
        <v>3414</v>
      </c>
      <c r="O23" s="19">
        <v>68817</v>
      </c>
      <c r="P23" s="19">
        <v>3414</v>
      </c>
    </row>
    <row r="24" spans="1:16" ht="12" customHeight="1" x14ac:dyDescent="0.2">
      <c r="A24" s="12" t="s">
        <v>15</v>
      </c>
      <c r="B24" s="19">
        <v>68509</v>
      </c>
      <c r="C24" s="19">
        <v>0</v>
      </c>
      <c r="D24" s="19">
        <v>68509</v>
      </c>
      <c r="E24" s="19">
        <v>34</v>
      </c>
      <c r="F24" s="19">
        <v>13</v>
      </c>
      <c r="G24" s="19">
        <v>257</v>
      </c>
      <c r="H24" s="19">
        <v>25</v>
      </c>
      <c r="I24" s="19">
        <v>150</v>
      </c>
      <c r="J24" s="19">
        <v>55</v>
      </c>
      <c r="K24" s="19">
        <v>479</v>
      </c>
      <c r="L24" s="19">
        <v>17</v>
      </c>
      <c r="M24" s="19">
        <v>2862</v>
      </c>
      <c r="N24" s="19">
        <v>3892</v>
      </c>
      <c r="O24" s="19">
        <v>65787</v>
      </c>
      <c r="P24" s="19">
        <v>3861</v>
      </c>
    </row>
    <row r="25" spans="1:16" ht="12" customHeight="1" x14ac:dyDescent="0.2">
      <c r="A25" s="12" t="s">
        <v>16</v>
      </c>
      <c r="B25" s="19">
        <v>21698</v>
      </c>
      <c r="C25" s="19">
        <v>0</v>
      </c>
      <c r="D25" s="19">
        <v>21698</v>
      </c>
      <c r="E25" s="19">
        <v>6</v>
      </c>
      <c r="F25" s="19">
        <v>6</v>
      </c>
      <c r="G25" s="19">
        <v>39</v>
      </c>
      <c r="H25" s="19">
        <v>9</v>
      </c>
      <c r="I25" s="19">
        <v>23</v>
      </c>
      <c r="J25" s="19">
        <v>13</v>
      </c>
      <c r="K25" s="19">
        <v>107</v>
      </c>
      <c r="L25" s="19">
        <v>3</v>
      </c>
      <c r="M25" s="19">
        <v>721</v>
      </c>
      <c r="N25" s="19">
        <v>927</v>
      </c>
      <c r="O25" s="19">
        <v>20163</v>
      </c>
      <c r="P25" s="19">
        <v>919</v>
      </c>
    </row>
    <row r="26" spans="1:16" ht="12" customHeight="1" x14ac:dyDescent="0.2">
      <c r="A26" s="2" t="s">
        <v>17</v>
      </c>
      <c r="B26" s="19">
        <v>42555</v>
      </c>
      <c r="C26" s="19">
        <v>8</v>
      </c>
      <c r="D26" s="19">
        <v>42563</v>
      </c>
      <c r="E26" s="19">
        <v>19</v>
      </c>
      <c r="F26" s="19">
        <v>6</v>
      </c>
      <c r="G26" s="19">
        <v>94</v>
      </c>
      <c r="H26" s="19">
        <v>12</v>
      </c>
      <c r="I26" s="19">
        <v>96</v>
      </c>
      <c r="J26" s="19">
        <v>41</v>
      </c>
      <c r="K26" s="19">
        <v>346</v>
      </c>
      <c r="L26" s="19">
        <v>15</v>
      </c>
      <c r="M26" s="19">
        <v>1875</v>
      </c>
      <c r="N26" s="19">
        <v>2504</v>
      </c>
      <c r="O26" s="19">
        <v>40017</v>
      </c>
      <c r="P26" s="19">
        <v>2498</v>
      </c>
    </row>
    <row r="27" spans="1:16" ht="12" customHeight="1" x14ac:dyDescent="0.2">
      <c r="A27" s="11" t="s">
        <v>18</v>
      </c>
      <c r="B27" s="20">
        <v>15983</v>
      </c>
      <c r="C27" s="20">
        <v>218</v>
      </c>
      <c r="D27" s="20">
        <v>16201</v>
      </c>
      <c r="E27" s="20">
        <v>2</v>
      </c>
      <c r="F27" s="20">
        <v>0</v>
      </c>
      <c r="G27" s="20">
        <v>40</v>
      </c>
      <c r="H27" s="20">
        <v>4</v>
      </c>
      <c r="I27" s="20">
        <v>26</v>
      </c>
      <c r="J27" s="20">
        <v>5</v>
      </c>
      <c r="K27" s="20">
        <v>88</v>
      </c>
      <c r="L27" s="20">
        <v>3</v>
      </c>
      <c r="M27" s="20">
        <v>1232</v>
      </c>
      <c r="N27" s="20">
        <v>1400</v>
      </c>
      <c r="O27" s="20">
        <v>15202</v>
      </c>
      <c r="P27" s="20">
        <v>1272</v>
      </c>
    </row>
    <row r="28" spans="1:16" ht="12" customHeight="1" x14ac:dyDescent="0.2">
      <c r="A28" s="12" t="s">
        <v>19</v>
      </c>
      <c r="B28" s="19">
        <v>25408</v>
      </c>
      <c r="C28" s="19">
        <v>15</v>
      </c>
      <c r="D28" s="19">
        <v>25423</v>
      </c>
      <c r="E28" s="19">
        <v>15</v>
      </c>
      <c r="F28" s="19">
        <v>9</v>
      </c>
      <c r="G28" s="19">
        <v>79</v>
      </c>
      <c r="H28" s="19">
        <v>7</v>
      </c>
      <c r="I28" s="19">
        <v>60</v>
      </c>
      <c r="J28" s="19">
        <v>28</v>
      </c>
      <c r="K28" s="19">
        <v>196</v>
      </c>
      <c r="L28" s="19">
        <v>9</v>
      </c>
      <c r="M28" s="19">
        <v>1208</v>
      </c>
      <c r="N28" s="19">
        <v>1611</v>
      </c>
      <c r="O28" s="19">
        <v>23857</v>
      </c>
      <c r="P28" s="19">
        <v>1602</v>
      </c>
    </row>
    <row r="29" spans="1:16" ht="12" customHeight="1" x14ac:dyDescent="0.2">
      <c r="A29" s="12" t="s">
        <v>20</v>
      </c>
      <c r="B29" s="19">
        <v>16377</v>
      </c>
      <c r="C29" s="19">
        <v>189</v>
      </c>
      <c r="D29" s="19">
        <v>16566</v>
      </c>
      <c r="E29" s="19">
        <v>3</v>
      </c>
      <c r="F29" s="19">
        <v>1</v>
      </c>
      <c r="G29" s="19">
        <v>44</v>
      </c>
      <c r="H29" s="19">
        <v>4</v>
      </c>
      <c r="I29" s="19">
        <v>27</v>
      </c>
      <c r="J29" s="19">
        <v>6</v>
      </c>
      <c r="K29" s="19">
        <v>89</v>
      </c>
      <c r="L29" s="19">
        <v>0</v>
      </c>
      <c r="M29" s="19">
        <v>757</v>
      </c>
      <c r="N29" s="19">
        <v>931</v>
      </c>
      <c r="O29" s="19">
        <v>15249</v>
      </c>
      <c r="P29" s="19">
        <v>915</v>
      </c>
    </row>
    <row r="30" spans="1:16" ht="12" customHeight="1" x14ac:dyDescent="0.2">
      <c r="A30" s="12" t="s">
        <v>21</v>
      </c>
      <c r="B30" s="19">
        <v>14413</v>
      </c>
      <c r="C30" s="19">
        <v>0</v>
      </c>
      <c r="D30" s="19">
        <v>14413</v>
      </c>
      <c r="E30" s="19">
        <v>3</v>
      </c>
      <c r="F30" s="19">
        <v>0</v>
      </c>
      <c r="G30" s="19">
        <v>25</v>
      </c>
      <c r="H30" s="19">
        <v>0</v>
      </c>
      <c r="I30" s="19">
        <v>14</v>
      </c>
      <c r="J30" s="19">
        <v>2</v>
      </c>
      <c r="K30" s="19">
        <v>65</v>
      </c>
      <c r="L30" s="19">
        <v>0</v>
      </c>
      <c r="M30" s="19">
        <v>501</v>
      </c>
      <c r="N30" s="19">
        <v>610</v>
      </c>
      <c r="O30" s="19">
        <v>13604</v>
      </c>
      <c r="P30" s="19">
        <v>606</v>
      </c>
    </row>
    <row r="31" spans="1:16" ht="12" customHeight="1" x14ac:dyDescent="0.2">
      <c r="A31" s="13" t="s">
        <v>22</v>
      </c>
      <c r="B31" s="21">
        <v>4948</v>
      </c>
      <c r="C31" s="21">
        <v>15</v>
      </c>
      <c r="D31" s="21">
        <v>4963</v>
      </c>
      <c r="E31" s="21">
        <v>5</v>
      </c>
      <c r="F31" s="21">
        <v>3</v>
      </c>
      <c r="G31" s="21">
        <v>16</v>
      </c>
      <c r="H31" s="21">
        <v>9</v>
      </c>
      <c r="I31" s="21">
        <v>33</v>
      </c>
      <c r="J31" s="21">
        <v>7</v>
      </c>
      <c r="K31" s="21">
        <v>60</v>
      </c>
      <c r="L31" s="21">
        <v>2</v>
      </c>
      <c r="M31" s="21">
        <v>275</v>
      </c>
      <c r="N31" s="21">
        <v>410</v>
      </c>
      <c r="O31" s="21">
        <v>4430</v>
      </c>
      <c r="P31" s="21">
        <v>410</v>
      </c>
    </row>
    <row r="32" spans="1:16" ht="12" customHeight="1" x14ac:dyDescent="0.2">
      <c r="A32" s="12" t="s">
        <v>23</v>
      </c>
      <c r="B32" s="19">
        <v>9062</v>
      </c>
      <c r="C32" s="19">
        <v>0</v>
      </c>
      <c r="D32" s="19">
        <v>9062</v>
      </c>
      <c r="E32" s="19">
        <v>3</v>
      </c>
      <c r="F32" s="19">
        <v>2</v>
      </c>
      <c r="G32" s="19">
        <v>37</v>
      </c>
      <c r="H32" s="19">
        <v>4</v>
      </c>
      <c r="I32" s="19">
        <v>20</v>
      </c>
      <c r="J32" s="19">
        <v>6</v>
      </c>
      <c r="K32" s="19">
        <v>66</v>
      </c>
      <c r="L32" s="19">
        <v>2</v>
      </c>
      <c r="M32" s="19">
        <v>355</v>
      </c>
      <c r="N32" s="19">
        <v>495</v>
      </c>
      <c r="O32" s="19">
        <v>8431</v>
      </c>
      <c r="P32" s="19">
        <v>491</v>
      </c>
    </row>
    <row r="33" spans="1:16" ht="12" customHeight="1" x14ac:dyDescent="0.2">
      <c r="A33" s="12" t="s">
        <v>24</v>
      </c>
      <c r="B33" s="19">
        <v>5630</v>
      </c>
      <c r="C33" s="19">
        <v>15</v>
      </c>
      <c r="D33" s="19">
        <v>5645</v>
      </c>
      <c r="E33" s="19">
        <v>2</v>
      </c>
      <c r="F33" s="19">
        <v>1</v>
      </c>
      <c r="G33" s="19">
        <v>22</v>
      </c>
      <c r="H33" s="19">
        <v>0</v>
      </c>
      <c r="I33" s="19">
        <v>12</v>
      </c>
      <c r="J33" s="19">
        <v>2</v>
      </c>
      <c r="K33" s="19">
        <v>31</v>
      </c>
      <c r="L33" s="19">
        <v>0</v>
      </c>
      <c r="M33" s="19">
        <v>229</v>
      </c>
      <c r="N33" s="19">
        <v>299</v>
      </c>
      <c r="O33" s="19">
        <v>5228</v>
      </c>
      <c r="P33" s="19">
        <v>290</v>
      </c>
    </row>
    <row r="34" spans="1:16" ht="12" customHeight="1" x14ac:dyDescent="0.2">
      <c r="A34" s="12" t="s">
        <v>25</v>
      </c>
      <c r="B34" s="19">
        <v>5286</v>
      </c>
      <c r="C34" s="19">
        <v>0</v>
      </c>
      <c r="D34" s="19">
        <v>5286</v>
      </c>
      <c r="E34" s="19">
        <v>2</v>
      </c>
      <c r="F34" s="19">
        <v>1</v>
      </c>
      <c r="G34" s="19">
        <v>24</v>
      </c>
      <c r="H34" s="19">
        <v>2</v>
      </c>
      <c r="I34" s="19">
        <v>13</v>
      </c>
      <c r="J34" s="19">
        <v>6</v>
      </c>
      <c r="K34" s="19">
        <v>50</v>
      </c>
      <c r="L34" s="19">
        <v>4</v>
      </c>
      <c r="M34" s="19">
        <v>215</v>
      </c>
      <c r="N34" s="19">
        <v>317</v>
      </c>
      <c r="O34" s="19">
        <v>4713</v>
      </c>
      <c r="P34" s="19">
        <v>303</v>
      </c>
    </row>
    <row r="35" spans="1:16" ht="12" customHeight="1" x14ac:dyDescent="0.2">
      <c r="A35" s="12" t="s">
        <v>26</v>
      </c>
      <c r="B35" s="19">
        <v>9533</v>
      </c>
      <c r="C35" s="19">
        <v>0</v>
      </c>
      <c r="D35" s="19">
        <v>9533</v>
      </c>
      <c r="E35" s="19">
        <v>3</v>
      </c>
      <c r="F35" s="19">
        <v>2</v>
      </c>
      <c r="G35" s="19">
        <v>26</v>
      </c>
      <c r="H35" s="19">
        <v>4</v>
      </c>
      <c r="I35" s="19">
        <v>22</v>
      </c>
      <c r="J35" s="19">
        <v>4</v>
      </c>
      <c r="K35" s="19">
        <v>45</v>
      </c>
      <c r="L35" s="19">
        <v>3</v>
      </c>
      <c r="M35" s="19">
        <v>257</v>
      </c>
      <c r="N35" s="19">
        <v>366</v>
      </c>
      <c r="O35" s="19">
        <v>8945</v>
      </c>
      <c r="P35" s="19">
        <v>366</v>
      </c>
    </row>
    <row r="36" spans="1:16" ht="12" customHeight="1" x14ac:dyDescent="0.2">
      <c r="A36" s="13" t="s">
        <v>27</v>
      </c>
      <c r="B36" s="21">
        <v>6607</v>
      </c>
      <c r="C36" s="21">
        <v>2859</v>
      </c>
      <c r="D36" s="21">
        <v>9466</v>
      </c>
      <c r="E36" s="21">
        <v>6</v>
      </c>
      <c r="F36" s="21">
        <v>5</v>
      </c>
      <c r="G36" s="21">
        <v>136</v>
      </c>
      <c r="H36" s="21">
        <v>9</v>
      </c>
      <c r="I36" s="21">
        <v>107</v>
      </c>
      <c r="J36" s="21">
        <v>17</v>
      </c>
      <c r="K36" s="21">
        <v>323</v>
      </c>
      <c r="L36" s="21">
        <v>5</v>
      </c>
      <c r="M36" s="21">
        <v>926</v>
      </c>
      <c r="N36" s="21">
        <v>1534</v>
      </c>
      <c r="O36" s="21">
        <v>6100</v>
      </c>
      <c r="P36" s="21">
        <v>1016</v>
      </c>
    </row>
    <row r="37" spans="1:16" ht="12" customHeight="1" x14ac:dyDescent="0.2">
      <c r="A37" s="14" t="s">
        <v>28</v>
      </c>
      <c r="B37" s="22">
        <v>3442</v>
      </c>
      <c r="C37" s="22">
        <v>320</v>
      </c>
      <c r="D37" s="22">
        <v>3762</v>
      </c>
      <c r="E37" s="22">
        <v>0</v>
      </c>
      <c r="F37" s="22">
        <v>0</v>
      </c>
      <c r="G37" s="22">
        <v>8</v>
      </c>
      <c r="H37" s="22">
        <v>0</v>
      </c>
      <c r="I37" s="22">
        <v>10</v>
      </c>
      <c r="J37" s="22">
        <v>1</v>
      </c>
      <c r="K37" s="22">
        <v>31</v>
      </c>
      <c r="L37" s="22">
        <v>0</v>
      </c>
      <c r="M37" s="22">
        <v>206</v>
      </c>
      <c r="N37" s="22">
        <v>256</v>
      </c>
      <c r="O37" s="22">
        <v>3090</v>
      </c>
      <c r="P37" s="22">
        <v>233</v>
      </c>
    </row>
    <row r="38" spans="1:16" ht="12" customHeight="1" x14ac:dyDescent="0.2">
      <c r="A38" s="12" t="s">
        <v>29</v>
      </c>
      <c r="B38" s="19">
        <v>12129</v>
      </c>
      <c r="C38" s="19">
        <v>1496</v>
      </c>
      <c r="D38" s="19">
        <v>13625</v>
      </c>
      <c r="E38" s="19">
        <v>4</v>
      </c>
      <c r="F38" s="19">
        <v>1</v>
      </c>
      <c r="G38" s="19">
        <v>62</v>
      </c>
      <c r="H38" s="19">
        <v>2</v>
      </c>
      <c r="I38" s="19">
        <v>33</v>
      </c>
      <c r="J38" s="19">
        <v>6</v>
      </c>
      <c r="K38" s="19">
        <v>124</v>
      </c>
      <c r="L38" s="19">
        <v>7</v>
      </c>
      <c r="M38" s="19">
        <v>833</v>
      </c>
      <c r="N38" s="19">
        <v>1072</v>
      </c>
      <c r="O38" s="19">
        <v>10991</v>
      </c>
      <c r="P38" s="19">
        <v>988</v>
      </c>
    </row>
    <row r="39" spans="1:16" ht="12" customHeight="1" x14ac:dyDescent="0.2">
      <c r="A39" s="12" t="s">
        <v>30</v>
      </c>
      <c r="B39" s="19">
        <v>21537</v>
      </c>
      <c r="C39" s="19">
        <v>10</v>
      </c>
      <c r="D39" s="19">
        <v>21547</v>
      </c>
      <c r="E39" s="19">
        <v>12</v>
      </c>
      <c r="F39" s="19">
        <v>10</v>
      </c>
      <c r="G39" s="19">
        <v>71</v>
      </c>
      <c r="H39" s="19">
        <v>20</v>
      </c>
      <c r="I39" s="19">
        <v>55</v>
      </c>
      <c r="J39" s="19">
        <v>21</v>
      </c>
      <c r="K39" s="19">
        <v>180</v>
      </c>
      <c r="L39" s="19">
        <v>11</v>
      </c>
      <c r="M39" s="19">
        <v>1031</v>
      </c>
      <c r="N39" s="19">
        <v>1411</v>
      </c>
      <c r="O39" s="19">
        <v>19496</v>
      </c>
      <c r="P39" s="19">
        <v>1404</v>
      </c>
    </row>
    <row r="40" spans="1:16" ht="12" customHeight="1" x14ac:dyDescent="0.2">
      <c r="A40" s="2" t="s">
        <v>31</v>
      </c>
      <c r="B40" s="23">
        <v>1487</v>
      </c>
      <c r="C40" s="23">
        <v>48</v>
      </c>
      <c r="D40" s="23">
        <v>1535</v>
      </c>
      <c r="E40" s="23">
        <v>0</v>
      </c>
      <c r="F40" s="23">
        <v>0</v>
      </c>
      <c r="G40" s="23">
        <v>4</v>
      </c>
      <c r="H40" s="23">
        <v>2</v>
      </c>
      <c r="I40" s="23">
        <v>1</v>
      </c>
      <c r="J40" s="23">
        <v>2</v>
      </c>
      <c r="K40" s="23">
        <v>16</v>
      </c>
      <c r="L40" s="23">
        <v>0</v>
      </c>
      <c r="M40" s="23">
        <v>84</v>
      </c>
      <c r="N40" s="23">
        <v>109</v>
      </c>
      <c r="O40" s="23">
        <v>1351</v>
      </c>
      <c r="P40" s="23">
        <v>103</v>
      </c>
    </row>
    <row r="41" spans="1:16" ht="19.5" customHeight="1" x14ac:dyDescent="0.2">
      <c r="A41" s="2" t="s">
        <v>37</v>
      </c>
      <c r="B41" s="24">
        <v>4894462</v>
      </c>
      <c r="C41" s="24">
        <v>13961</v>
      </c>
      <c r="D41" s="24">
        <v>4908423</v>
      </c>
      <c r="E41" s="24">
        <v>1824</v>
      </c>
      <c r="F41" s="24">
        <v>845</v>
      </c>
      <c r="G41" s="24">
        <v>10835</v>
      </c>
      <c r="H41" s="24">
        <v>1615</v>
      </c>
      <c r="I41" s="24">
        <v>10555</v>
      </c>
      <c r="J41" s="24">
        <v>2825</v>
      </c>
      <c r="K41" s="24">
        <v>33265</v>
      </c>
      <c r="L41" s="24">
        <v>1603</v>
      </c>
      <c r="M41" s="24">
        <v>218917</v>
      </c>
      <c r="N41" s="24">
        <v>282284</v>
      </c>
      <c r="O41" s="24">
        <v>4701531</v>
      </c>
      <c r="P41" s="23">
        <v>273454</v>
      </c>
    </row>
    <row r="42" spans="1:16" ht="12" customHeight="1" x14ac:dyDescent="0.2">
      <c r="A42" s="3" t="s">
        <v>89</v>
      </c>
    </row>
    <row r="43" spans="1:16" ht="11.15" customHeight="1" x14ac:dyDescent="0.2">
      <c r="A43" s="3" t="s">
        <v>82</v>
      </c>
    </row>
  </sheetData>
  <mergeCells count="17">
    <mergeCell ref="P4:P7"/>
    <mergeCell ref="M5:M7"/>
    <mergeCell ref="N5:N7"/>
    <mergeCell ref="E4:N4"/>
    <mergeCell ref="E5:E7"/>
    <mergeCell ref="F5:F7"/>
    <mergeCell ref="G5:G7"/>
    <mergeCell ref="H5:H7"/>
    <mergeCell ref="J5:J7"/>
    <mergeCell ref="L5:L7"/>
    <mergeCell ref="K5:K7"/>
    <mergeCell ref="C5:C7"/>
    <mergeCell ref="D5:D7"/>
    <mergeCell ref="I5:I7"/>
    <mergeCell ref="B4:D4"/>
    <mergeCell ref="O4:O7"/>
    <mergeCell ref="B5:B7"/>
  </mergeCells>
  <phoneticPr fontId="2"/>
  <pageMargins left="0.78740157480314965" right="0.78740157480314965" top="0.78740157480314965" bottom="0.78740157480314965" header="0.51181102362204722" footer="0.31496062992125984"/>
  <pageSetup paperSize="9" scale="97" firstPageNumber="189" orientation="landscape" blackAndWhite="1" useFirstPageNumber="1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5"/>
  <sheetViews>
    <sheetView workbookViewId="0">
      <pane xSplit="1" ySplit="7" topLeftCell="B8" activePane="bottomRight" state="frozen"/>
      <selection pane="topRight"/>
      <selection pane="bottomLeft"/>
      <selection pane="bottomRight"/>
    </sheetView>
  </sheetViews>
  <sheetFormatPr defaultColWidth="12.6328125" defaultRowHeight="11.15" customHeight="1" x14ac:dyDescent="0.2"/>
  <cols>
    <col min="1" max="1" width="12.6328125" style="3" customWidth="1"/>
    <col min="2" max="4" width="11.6328125" style="3" customWidth="1"/>
    <col min="5" max="5" width="13.90625" style="3" customWidth="1"/>
    <col min="6" max="6" width="12.08984375" style="3" customWidth="1"/>
    <col min="7" max="7" width="11.08984375" style="3" customWidth="1"/>
    <col min="8" max="12" width="11.6328125" style="3" customWidth="1"/>
    <col min="13" max="13" width="12.08984375" style="3" customWidth="1"/>
    <col min="14" max="16384" width="12.6328125" style="3"/>
  </cols>
  <sheetData>
    <row r="1" spans="1:16" ht="15.75" customHeight="1" x14ac:dyDescent="0.2">
      <c r="A1" s="5" t="s">
        <v>47</v>
      </c>
      <c r="B1" s="6"/>
      <c r="C1" s="6"/>
      <c r="D1" s="6"/>
      <c r="E1" s="6"/>
      <c r="F1" s="6"/>
      <c r="G1" s="6"/>
      <c r="H1" s="6"/>
      <c r="I1" s="6"/>
      <c r="J1" s="6"/>
      <c r="K1" s="6"/>
      <c r="L1" s="6"/>
      <c r="M1" s="6"/>
      <c r="N1" s="6"/>
      <c r="O1" s="6"/>
      <c r="P1" s="6"/>
    </row>
    <row r="2" spans="1:16" ht="13.5" customHeight="1" x14ac:dyDescent="0.2">
      <c r="A2" s="15"/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6"/>
      <c r="O2" s="6"/>
      <c r="P2" s="6"/>
    </row>
    <row r="3" spans="1:16" ht="12" customHeight="1" x14ac:dyDescent="0.2"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2</v>
      </c>
      <c r="N3" s="6"/>
      <c r="O3" s="6"/>
      <c r="P3" s="6"/>
    </row>
    <row r="4" spans="1:16" ht="12" customHeight="1" x14ac:dyDescent="0.2">
      <c r="A4" s="8" t="s">
        <v>33</v>
      </c>
      <c r="B4" s="67" t="s">
        <v>48</v>
      </c>
      <c r="C4" s="67"/>
      <c r="D4" s="67"/>
      <c r="E4" s="68" t="s">
        <v>49</v>
      </c>
      <c r="F4" s="76" t="s">
        <v>87</v>
      </c>
      <c r="G4" s="54" t="s">
        <v>50</v>
      </c>
      <c r="H4" s="54" t="s">
        <v>51</v>
      </c>
      <c r="I4" s="54" t="s">
        <v>85</v>
      </c>
      <c r="J4" s="54" t="s">
        <v>84</v>
      </c>
      <c r="K4" s="54" t="s">
        <v>86</v>
      </c>
      <c r="L4" s="54" t="s">
        <v>52</v>
      </c>
      <c r="M4" s="54" t="s">
        <v>53</v>
      </c>
      <c r="N4" s="6"/>
      <c r="O4" s="6"/>
      <c r="P4" s="6"/>
    </row>
    <row r="5" spans="1:16" ht="12" customHeight="1" x14ac:dyDescent="0.2">
      <c r="A5" s="9"/>
      <c r="B5" s="46" t="s">
        <v>54</v>
      </c>
      <c r="C5" s="46" t="s">
        <v>55</v>
      </c>
      <c r="D5" s="46" t="s">
        <v>56</v>
      </c>
      <c r="E5" s="69"/>
      <c r="F5" s="77"/>
      <c r="G5" s="74"/>
      <c r="H5" s="74"/>
      <c r="I5" s="74"/>
      <c r="J5" s="74"/>
      <c r="K5" s="74"/>
      <c r="L5" s="74"/>
      <c r="M5" s="74"/>
      <c r="N5" s="6"/>
      <c r="O5" s="6"/>
      <c r="P5" s="6"/>
    </row>
    <row r="6" spans="1:16" ht="12" customHeight="1" x14ac:dyDescent="0.2">
      <c r="A6" s="9"/>
      <c r="B6" s="47"/>
      <c r="C6" s="47"/>
      <c r="D6" s="47"/>
      <c r="E6" s="69"/>
      <c r="F6" s="77"/>
      <c r="G6" s="74"/>
      <c r="H6" s="74"/>
      <c r="I6" s="74"/>
      <c r="J6" s="74"/>
      <c r="K6" s="74"/>
      <c r="L6" s="74"/>
      <c r="M6" s="74"/>
      <c r="N6" s="6"/>
      <c r="O6" s="6"/>
      <c r="P6" s="6"/>
    </row>
    <row r="7" spans="1:16" ht="12" customHeight="1" x14ac:dyDescent="0.2">
      <c r="A7" s="10" t="s">
        <v>35</v>
      </c>
      <c r="B7" s="47"/>
      <c r="C7" s="47"/>
      <c r="D7" s="47"/>
      <c r="E7" s="70"/>
      <c r="F7" s="78"/>
      <c r="G7" s="75"/>
      <c r="H7" s="75"/>
      <c r="I7" s="75"/>
      <c r="J7" s="75"/>
      <c r="K7" s="75"/>
      <c r="L7" s="75"/>
      <c r="M7" s="75"/>
      <c r="N7" s="6"/>
      <c r="O7" s="6"/>
      <c r="P7" s="6"/>
    </row>
    <row r="8" spans="1:16" ht="12" customHeight="1" x14ac:dyDescent="0.15">
      <c r="A8" s="11" t="s">
        <v>36</v>
      </c>
      <c r="B8" s="25">
        <v>1874462</v>
      </c>
      <c r="C8" s="25">
        <v>52496</v>
      </c>
      <c r="D8" s="20">
        <v>1926958</v>
      </c>
      <c r="E8" s="25">
        <v>7915978031</v>
      </c>
      <c r="F8" s="71"/>
      <c r="G8" s="25">
        <v>200224750</v>
      </c>
      <c r="H8" s="26">
        <v>2532347</v>
      </c>
      <c r="I8" s="27">
        <v>69169904</v>
      </c>
      <c r="J8" s="27">
        <v>70712564</v>
      </c>
      <c r="K8" s="27">
        <v>8414688</v>
      </c>
      <c r="L8" s="27">
        <v>5087985</v>
      </c>
      <c r="M8" s="27">
        <v>2546449868</v>
      </c>
    </row>
    <row r="9" spans="1:16" ht="12" customHeight="1" x14ac:dyDescent="0.15">
      <c r="A9" s="12" t="s">
        <v>0</v>
      </c>
      <c r="B9" s="25">
        <v>784780</v>
      </c>
      <c r="C9" s="25">
        <v>47980</v>
      </c>
      <c r="D9" s="19">
        <v>832760</v>
      </c>
      <c r="E9" s="25">
        <v>3411640324</v>
      </c>
      <c r="F9" s="72"/>
      <c r="G9" s="25">
        <v>84524374</v>
      </c>
      <c r="H9" s="26">
        <v>690730</v>
      </c>
      <c r="I9" s="25">
        <v>16768740</v>
      </c>
      <c r="J9" s="25">
        <v>22993483</v>
      </c>
      <c r="K9" s="25">
        <v>2587143</v>
      </c>
      <c r="L9" s="25">
        <v>2289863</v>
      </c>
      <c r="M9" s="25">
        <v>1085137859</v>
      </c>
    </row>
    <row r="10" spans="1:16" ht="12" customHeight="1" x14ac:dyDescent="0.15">
      <c r="A10" s="12" t="s">
        <v>8</v>
      </c>
      <c r="B10" s="25">
        <v>330558</v>
      </c>
      <c r="C10" s="25">
        <v>28400</v>
      </c>
      <c r="D10" s="19">
        <v>358958</v>
      </c>
      <c r="E10" s="25">
        <v>1234382164</v>
      </c>
      <c r="F10" s="72"/>
      <c r="G10" s="25">
        <v>30137072</v>
      </c>
      <c r="H10" s="26">
        <v>239340</v>
      </c>
      <c r="I10" s="25">
        <v>4097695</v>
      </c>
      <c r="J10" s="25">
        <v>8919416</v>
      </c>
      <c r="K10" s="25">
        <v>805853</v>
      </c>
      <c r="L10" s="25">
        <v>475564</v>
      </c>
      <c r="M10" s="25">
        <v>447398538</v>
      </c>
      <c r="P10" s="16"/>
    </row>
    <row r="11" spans="1:16" ht="12" customHeight="1" x14ac:dyDescent="0.15">
      <c r="A11" s="11" t="s">
        <v>1</v>
      </c>
      <c r="B11" s="27">
        <v>176658</v>
      </c>
      <c r="C11" s="27">
        <v>12986</v>
      </c>
      <c r="D11" s="20">
        <v>189644</v>
      </c>
      <c r="E11" s="27">
        <v>626586139</v>
      </c>
      <c r="F11" s="72"/>
      <c r="G11" s="27">
        <v>9134318</v>
      </c>
      <c r="H11" s="28">
        <v>204589</v>
      </c>
      <c r="I11" s="27">
        <v>1390568</v>
      </c>
      <c r="J11" s="27">
        <v>1873584</v>
      </c>
      <c r="K11" s="27">
        <v>333840</v>
      </c>
      <c r="L11" s="27">
        <v>218820</v>
      </c>
      <c r="M11" s="27">
        <v>235023561</v>
      </c>
      <c r="P11" s="16"/>
    </row>
    <row r="12" spans="1:16" ht="12" customHeight="1" x14ac:dyDescent="0.15">
      <c r="A12" s="12" t="s">
        <v>2</v>
      </c>
      <c r="B12" s="25">
        <v>113812</v>
      </c>
      <c r="C12" s="25">
        <v>10282</v>
      </c>
      <c r="D12" s="19">
        <v>124094</v>
      </c>
      <c r="E12" s="25">
        <v>422657667</v>
      </c>
      <c r="F12" s="72"/>
      <c r="G12" s="25">
        <v>7782954</v>
      </c>
      <c r="H12" s="26">
        <v>108096</v>
      </c>
      <c r="I12" s="25">
        <v>2551758</v>
      </c>
      <c r="J12" s="25">
        <v>1698391</v>
      </c>
      <c r="K12" s="25">
        <v>199375</v>
      </c>
      <c r="L12" s="25">
        <v>124405</v>
      </c>
      <c r="M12" s="25">
        <v>155305260</v>
      </c>
      <c r="P12" s="16"/>
    </row>
    <row r="13" spans="1:16" ht="12" customHeight="1" x14ac:dyDescent="0.15">
      <c r="A13" s="12" t="s">
        <v>3</v>
      </c>
      <c r="B13" s="25">
        <v>82185</v>
      </c>
      <c r="C13" s="25">
        <v>5487</v>
      </c>
      <c r="D13" s="19">
        <v>87672</v>
      </c>
      <c r="E13" s="25">
        <v>403155067</v>
      </c>
      <c r="F13" s="72"/>
      <c r="G13" s="25">
        <v>16001533</v>
      </c>
      <c r="H13" s="26">
        <v>283267</v>
      </c>
      <c r="I13" s="25">
        <v>12693875</v>
      </c>
      <c r="J13" s="25">
        <v>25304721</v>
      </c>
      <c r="K13" s="25">
        <v>1070610</v>
      </c>
      <c r="L13" s="25">
        <v>306414</v>
      </c>
      <c r="M13" s="25">
        <v>119694978</v>
      </c>
      <c r="P13" s="16"/>
    </row>
    <row r="14" spans="1:16" ht="12" customHeight="1" x14ac:dyDescent="0.15">
      <c r="A14" s="12" t="s">
        <v>4</v>
      </c>
      <c r="B14" s="25">
        <v>205109</v>
      </c>
      <c r="C14" s="25">
        <v>16640</v>
      </c>
      <c r="D14" s="19">
        <v>221749</v>
      </c>
      <c r="E14" s="25">
        <v>888696992</v>
      </c>
      <c r="F14" s="72"/>
      <c r="G14" s="25">
        <v>30233316</v>
      </c>
      <c r="H14" s="26">
        <v>295536</v>
      </c>
      <c r="I14" s="25">
        <v>7744322</v>
      </c>
      <c r="J14" s="25">
        <v>5035371</v>
      </c>
      <c r="K14" s="25">
        <v>716863</v>
      </c>
      <c r="L14" s="25">
        <v>451733</v>
      </c>
      <c r="M14" s="25">
        <v>291209934</v>
      </c>
      <c r="P14" s="16"/>
    </row>
    <row r="15" spans="1:16" ht="12" customHeight="1" x14ac:dyDescent="0.15">
      <c r="A15" s="12" t="s">
        <v>5</v>
      </c>
      <c r="B15" s="25">
        <v>85091</v>
      </c>
      <c r="C15" s="25">
        <v>7394</v>
      </c>
      <c r="D15" s="19">
        <v>92485</v>
      </c>
      <c r="E15" s="25">
        <v>311690969</v>
      </c>
      <c r="F15" s="72"/>
      <c r="G15" s="25">
        <v>7279720</v>
      </c>
      <c r="H15" s="26">
        <v>67274</v>
      </c>
      <c r="I15" s="25">
        <v>908224</v>
      </c>
      <c r="J15" s="25">
        <v>2908163</v>
      </c>
      <c r="K15" s="25">
        <v>232938</v>
      </c>
      <c r="L15" s="25">
        <v>139185</v>
      </c>
      <c r="M15" s="25">
        <v>115216392</v>
      </c>
      <c r="P15" s="16"/>
    </row>
    <row r="16" spans="1:16" ht="12" customHeight="1" x14ac:dyDescent="0.15">
      <c r="A16" s="13" t="s">
        <v>6</v>
      </c>
      <c r="B16" s="29">
        <v>109029</v>
      </c>
      <c r="C16" s="29">
        <v>10708</v>
      </c>
      <c r="D16" s="21">
        <v>119737</v>
      </c>
      <c r="E16" s="29">
        <v>450909641</v>
      </c>
      <c r="F16" s="72"/>
      <c r="G16" s="29">
        <v>26285740</v>
      </c>
      <c r="H16" s="30">
        <v>110038</v>
      </c>
      <c r="I16" s="29">
        <v>3489941</v>
      </c>
      <c r="J16" s="29">
        <v>2652888</v>
      </c>
      <c r="K16" s="29">
        <v>412013</v>
      </c>
      <c r="L16" s="29">
        <v>197925</v>
      </c>
      <c r="M16" s="29">
        <v>156179007</v>
      </c>
      <c r="P16" s="16"/>
    </row>
    <row r="17" spans="1:16" ht="12" customHeight="1" x14ac:dyDescent="0.15">
      <c r="A17" s="14" t="s">
        <v>7</v>
      </c>
      <c r="B17" s="25">
        <v>26713</v>
      </c>
      <c r="C17" s="25">
        <v>2013</v>
      </c>
      <c r="D17" s="19">
        <v>28726</v>
      </c>
      <c r="E17" s="25">
        <v>123489483</v>
      </c>
      <c r="F17" s="72"/>
      <c r="G17" s="25">
        <v>4368784</v>
      </c>
      <c r="H17" s="26">
        <v>67439</v>
      </c>
      <c r="I17" s="25">
        <v>2697292</v>
      </c>
      <c r="J17" s="25">
        <v>3716834</v>
      </c>
      <c r="K17" s="25">
        <v>491385</v>
      </c>
      <c r="L17" s="25">
        <v>153519</v>
      </c>
      <c r="M17" s="25">
        <v>38677576</v>
      </c>
      <c r="P17" s="16"/>
    </row>
    <row r="18" spans="1:16" ht="12" customHeight="1" x14ac:dyDescent="0.15">
      <c r="A18" s="12" t="s">
        <v>9</v>
      </c>
      <c r="B18" s="25">
        <v>17980</v>
      </c>
      <c r="C18" s="25">
        <v>1391</v>
      </c>
      <c r="D18" s="19">
        <v>19371</v>
      </c>
      <c r="E18" s="25">
        <v>58385207</v>
      </c>
      <c r="F18" s="72"/>
      <c r="G18" s="25">
        <v>1216380</v>
      </c>
      <c r="H18" s="26">
        <v>10462</v>
      </c>
      <c r="I18" s="25">
        <v>264034</v>
      </c>
      <c r="J18" s="25">
        <v>124412</v>
      </c>
      <c r="K18" s="25">
        <v>11533</v>
      </c>
      <c r="L18" s="25">
        <v>5810</v>
      </c>
      <c r="M18" s="25">
        <v>22857127</v>
      </c>
      <c r="P18" s="16"/>
    </row>
    <row r="19" spans="1:16" ht="12" customHeight="1" x14ac:dyDescent="0.15">
      <c r="A19" s="12" t="s">
        <v>10</v>
      </c>
      <c r="B19" s="25">
        <v>70317</v>
      </c>
      <c r="C19" s="25">
        <v>6347</v>
      </c>
      <c r="D19" s="19">
        <v>76664</v>
      </c>
      <c r="E19" s="25">
        <v>248484291</v>
      </c>
      <c r="F19" s="72"/>
      <c r="G19" s="25">
        <v>5025736</v>
      </c>
      <c r="H19" s="26">
        <v>21279</v>
      </c>
      <c r="I19" s="25">
        <v>573093</v>
      </c>
      <c r="J19" s="25">
        <v>1083688</v>
      </c>
      <c r="K19" s="25">
        <v>110799</v>
      </c>
      <c r="L19" s="25">
        <v>61303</v>
      </c>
      <c r="M19" s="25">
        <v>94783783</v>
      </c>
      <c r="P19" s="16"/>
    </row>
    <row r="20" spans="1:16" ht="12" customHeight="1" x14ac:dyDescent="0.15">
      <c r="A20" s="12" t="s">
        <v>11</v>
      </c>
      <c r="B20" s="25">
        <v>104078</v>
      </c>
      <c r="C20" s="25">
        <v>8224</v>
      </c>
      <c r="D20" s="19">
        <v>112302</v>
      </c>
      <c r="E20" s="25">
        <v>395375709</v>
      </c>
      <c r="F20" s="72"/>
      <c r="G20" s="25">
        <v>13385984</v>
      </c>
      <c r="H20" s="26">
        <v>93176</v>
      </c>
      <c r="I20" s="25">
        <v>1383975</v>
      </c>
      <c r="J20" s="25">
        <v>1131272</v>
      </c>
      <c r="K20" s="25">
        <v>149712</v>
      </c>
      <c r="L20" s="25">
        <v>151144</v>
      </c>
      <c r="M20" s="25">
        <v>140329871</v>
      </c>
      <c r="P20" s="16"/>
    </row>
    <row r="21" spans="1:16" ht="12" customHeight="1" x14ac:dyDescent="0.15">
      <c r="A21" s="13" t="s">
        <v>12</v>
      </c>
      <c r="B21" s="29">
        <v>113592</v>
      </c>
      <c r="C21" s="29">
        <v>10715</v>
      </c>
      <c r="D21" s="21">
        <v>124307</v>
      </c>
      <c r="E21" s="29">
        <v>438521234</v>
      </c>
      <c r="F21" s="72"/>
      <c r="G21" s="29">
        <v>13476998</v>
      </c>
      <c r="H21" s="30">
        <v>83104</v>
      </c>
      <c r="I21" s="29">
        <v>717627</v>
      </c>
      <c r="J21" s="29">
        <v>1996780</v>
      </c>
      <c r="K21" s="29">
        <v>211551</v>
      </c>
      <c r="L21" s="29">
        <v>186009</v>
      </c>
      <c r="M21" s="29">
        <v>154947815</v>
      </c>
      <c r="P21" s="16"/>
    </row>
    <row r="22" spans="1:16" ht="12" customHeight="1" x14ac:dyDescent="0.15">
      <c r="A22" s="14" t="s">
        <v>13</v>
      </c>
      <c r="B22" s="25">
        <v>46683</v>
      </c>
      <c r="C22" s="25">
        <v>3950</v>
      </c>
      <c r="D22" s="19">
        <v>50633</v>
      </c>
      <c r="E22" s="25">
        <v>176985067</v>
      </c>
      <c r="F22" s="72"/>
      <c r="G22" s="25">
        <v>3731886</v>
      </c>
      <c r="H22" s="26">
        <v>21105</v>
      </c>
      <c r="I22" s="25">
        <v>174663</v>
      </c>
      <c r="J22" s="25">
        <v>949596</v>
      </c>
      <c r="K22" s="25">
        <v>47216</v>
      </c>
      <c r="L22" s="25">
        <v>121723</v>
      </c>
      <c r="M22" s="25">
        <v>63741143</v>
      </c>
      <c r="P22" s="16"/>
    </row>
    <row r="23" spans="1:16" ht="12" customHeight="1" x14ac:dyDescent="0.15">
      <c r="A23" s="12" t="s">
        <v>14</v>
      </c>
      <c r="B23" s="25">
        <v>62690</v>
      </c>
      <c r="C23" s="25">
        <v>6127</v>
      </c>
      <c r="D23" s="19">
        <v>68817</v>
      </c>
      <c r="E23" s="25">
        <v>254126659</v>
      </c>
      <c r="F23" s="72"/>
      <c r="G23" s="25">
        <v>6379430</v>
      </c>
      <c r="H23" s="26">
        <v>138483</v>
      </c>
      <c r="I23" s="25">
        <v>176590</v>
      </c>
      <c r="J23" s="25">
        <v>676217</v>
      </c>
      <c r="K23" s="25">
        <v>151040</v>
      </c>
      <c r="L23" s="25">
        <v>92965</v>
      </c>
      <c r="M23" s="25">
        <v>88794406</v>
      </c>
      <c r="P23" s="16"/>
    </row>
    <row r="24" spans="1:16" ht="12" customHeight="1" x14ac:dyDescent="0.15">
      <c r="A24" s="12" t="s">
        <v>15</v>
      </c>
      <c r="B24" s="25">
        <v>59769</v>
      </c>
      <c r="C24" s="25">
        <v>6018</v>
      </c>
      <c r="D24" s="19">
        <v>65787</v>
      </c>
      <c r="E24" s="25">
        <v>217595091</v>
      </c>
      <c r="F24" s="72"/>
      <c r="G24" s="25">
        <v>4493132</v>
      </c>
      <c r="H24" s="26">
        <v>257412</v>
      </c>
      <c r="I24" s="25">
        <v>563192</v>
      </c>
      <c r="J24" s="25">
        <v>620903</v>
      </c>
      <c r="K24" s="25">
        <v>59057</v>
      </c>
      <c r="L24" s="25">
        <v>114149</v>
      </c>
      <c r="M24" s="25">
        <v>81228518</v>
      </c>
      <c r="P24" s="16"/>
    </row>
    <row r="25" spans="1:16" ht="12" customHeight="1" x14ac:dyDescent="0.15">
      <c r="A25" s="12" t="s">
        <v>16</v>
      </c>
      <c r="B25" s="25">
        <v>18472</v>
      </c>
      <c r="C25" s="25">
        <v>1691</v>
      </c>
      <c r="D25" s="19">
        <v>20163</v>
      </c>
      <c r="E25" s="25">
        <v>62529410</v>
      </c>
      <c r="F25" s="72"/>
      <c r="G25" s="25">
        <v>1130886</v>
      </c>
      <c r="H25" s="26">
        <v>2665</v>
      </c>
      <c r="I25" s="25">
        <v>47754</v>
      </c>
      <c r="J25" s="25">
        <v>219368</v>
      </c>
      <c r="K25" s="25">
        <v>43938</v>
      </c>
      <c r="L25" s="25">
        <v>7738</v>
      </c>
      <c r="M25" s="25">
        <v>24992865</v>
      </c>
      <c r="P25" s="16"/>
    </row>
    <row r="26" spans="1:16" ht="12" customHeight="1" x14ac:dyDescent="0.15">
      <c r="A26" s="2" t="s">
        <v>17</v>
      </c>
      <c r="B26" s="25">
        <v>36217</v>
      </c>
      <c r="C26" s="25">
        <v>3800</v>
      </c>
      <c r="D26" s="19">
        <v>40017</v>
      </c>
      <c r="E26" s="25">
        <v>129997047</v>
      </c>
      <c r="F26" s="72"/>
      <c r="G26" s="25">
        <v>2647286</v>
      </c>
      <c r="H26" s="26">
        <v>10363</v>
      </c>
      <c r="I26" s="25">
        <v>748819</v>
      </c>
      <c r="J26" s="25">
        <v>360997</v>
      </c>
      <c r="K26" s="25">
        <v>126728</v>
      </c>
      <c r="L26" s="25">
        <v>45800</v>
      </c>
      <c r="M26" s="25">
        <v>49424894</v>
      </c>
      <c r="P26" s="16"/>
    </row>
    <row r="27" spans="1:16" ht="12" customHeight="1" x14ac:dyDescent="0.15">
      <c r="A27" s="11" t="s">
        <v>18</v>
      </c>
      <c r="B27" s="27">
        <v>14112</v>
      </c>
      <c r="C27" s="27">
        <v>1090</v>
      </c>
      <c r="D27" s="20">
        <v>15202</v>
      </c>
      <c r="E27" s="27">
        <v>67604532</v>
      </c>
      <c r="F27" s="72"/>
      <c r="G27" s="27">
        <v>2092533</v>
      </c>
      <c r="H27" s="31">
        <v>41148</v>
      </c>
      <c r="I27" s="27">
        <v>1403692</v>
      </c>
      <c r="J27" s="27">
        <v>1337408</v>
      </c>
      <c r="K27" s="27">
        <v>180898</v>
      </c>
      <c r="L27" s="27">
        <v>20948</v>
      </c>
      <c r="M27" s="27">
        <v>20492974</v>
      </c>
      <c r="P27" s="16"/>
    </row>
    <row r="28" spans="1:16" ht="12" customHeight="1" x14ac:dyDescent="0.15">
      <c r="A28" s="12" t="s">
        <v>19</v>
      </c>
      <c r="B28" s="25">
        <v>21384</v>
      </c>
      <c r="C28" s="25">
        <v>2473</v>
      </c>
      <c r="D28" s="19">
        <v>23857</v>
      </c>
      <c r="E28" s="25">
        <v>76547091</v>
      </c>
      <c r="F28" s="72"/>
      <c r="G28" s="25">
        <v>3061837</v>
      </c>
      <c r="H28" s="32">
        <v>2576</v>
      </c>
      <c r="I28" s="25">
        <v>13808</v>
      </c>
      <c r="J28" s="25">
        <v>88499</v>
      </c>
      <c r="K28" s="25">
        <v>19145</v>
      </c>
      <c r="L28" s="25">
        <v>20992</v>
      </c>
      <c r="M28" s="25">
        <v>29310934</v>
      </c>
      <c r="P28" s="16"/>
    </row>
    <row r="29" spans="1:16" ht="12" customHeight="1" x14ac:dyDescent="0.15">
      <c r="A29" s="12" t="s">
        <v>20</v>
      </c>
      <c r="B29" s="25">
        <v>14059</v>
      </c>
      <c r="C29" s="25">
        <v>1190</v>
      </c>
      <c r="D29" s="19">
        <v>15249</v>
      </c>
      <c r="E29" s="25">
        <v>58589114</v>
      </c>
      <c r="F29" s="72"/>
      <c r="G29" s="25">
        <v>2993579</v>
      </c>
      <c r="H29" s="33">
        <v>3041</v>
      </c>
      <c r="I29" s="25">
        <v>603460</v>
      </c>
      <c r="J29" s="25">
        <v>552382</v>
      </c>
      <c r="K29" s="25">
        <v>41992</v>
      </c>
      <c r="L29" s="25">
        <v>27748</v>
      </c>
      <c r="M29" s="25">
        <v>19790575</v>
      </c>
      <c r="P29" s="16"/>
    </row>
    <row r="30" spans="1:16" ht="12" customHeight="1" x14ac:dyDescent="0.15">
      <c r="A30" s="12" t="s">
        <v>21</v>
      </c>
      <c r="B30" s="25">
        <v>12564</v>
      </c>
      <c r="C30" s="25">
        <v>1040</v>
      </c>
      <c r="D30" s="19">
        <v>13604</v>
      </c>
      <c r="E30" s="25">
        <v>46471249</v>
      </c>
      <c r="F30" s="72"/>
      <c r="G30" s="25">
        <v>1079076</v>
      </c>
      <c r="H30" s="32">
        <v>33306</v>
      </c>
      <c r="I30" s="25">
        <v>374803</v>
      </c>
      <c r="J30" s="25">
        <v>229841</v>
      </c>
      <c r="K30" s="25">
        <v>158269</v>
      </c>
      <c r="L30" s="25">
        <v>5861</v>
      </c>
      <c r="M30" s="25">
        <v>17191830</v>
      </c>
      <c r="P30" s="16"/>
    </row>
    <row r="31" spans="1:16" ht="12" customHeight="1" x14ac:dyDescent="0.15">
      <c r="A31" s="13" t="s">
        <v>22</v>
      </c>
      <c r="B31" s="29">
        <v>4086</v>
      </c>
      <c r="C31" s="29">
        <v>344</v>
      </c>
      <c r="D31" s="21">
        <v>4430</v>
      </c>
      <c r="E31" s="29">
        <v>13466030</v>
      </c>
      <c r="F31" s="72"/>
      <c r="G31" s="29">
        <v>135137</v>
      </c>
      <c r="H31" s="34">
        <v>2763</v>
      </c>
      <c r="I31" s="29">
        <v>1477</v>
      </c>
      <c r="J31" s="29">
        <v>27918</v>
      </c>
      <c r="K31" s="29">
        <v>2400</v>
      </c>
      <c r="L31" s="29">
        <v>5731</v>
      </c>
      <c r="M31" s="29">
        <v>5484063</v>
      </c>
      <c r="P31" s="16"/>
    </row>
    <row r="32" spans="1:16" ht="12" customHeight="1" x14ac:dyDescent="0.15">
      <c r="A32" s="12" t="s">
        <v>23</v>
      </c>
      <c r="B32" s="25">
        <v>7630</v>
      </c>
      <c r="C32" s="25">
        <v>801</v>
      </c>
      <c r="D32" s="19">
        <v>8431</v>
      </c>
      <c r="E32" s="25">
        <v>26135819</v>
      </c>
      <c r="F32" s="72"/>
      <c r="G32" s="25">
        <v>937737</v>
      </c>
      <c r="H32" s="26">
        <v>7200</v>
      </c>
      <c r="I32" s="25">
        <v>5751</v>
      </c>
      <c r="J32" s="25">
        <v>50713</v>
      </c>
      <c r="K32" s="25">
        <v>4053</v>
      </c>
      <c r="L32" s="25">
        <v>4231</v>
      </c>
      <c r="M32" s="25">
        <v>10381495</v>
      </c>
      <c r="P32" s="16"/>
    </row>
    <row r="33" spans="1:16" ht="12" customHeight="1" x14ac:dyDescent="0.15">
      <c r="A33" s="12" t="s">
        <v>24</v>
      </c>
      <c r="B33" s="25">
        <v>4816</v>
      </c>
      <c r="C33" s="25">
        <v>412</v>
      </c>
      <c r="D33" s="19">
        <v>5228</v>
      </c>
      <c r="E33" s="25">
        <v>16767105</v>
      </c>
      <c r="F33" s="72"/>
      <c r="G33" s="25">
        <v>185055</v>
      </c>
      <c r="H33" s="26">
        <v>4026</v>
      </c>
      <c r="I33" s="25">
        <v>1948</v>
      </c>
      <c r="J33" s="25">
        <v>84664</v>
      </c>
      <c r="K33" s="25">
        <v>15493</v>
      </c>
      <c r="L33" s="25">
        <v>13556</v>
      </c>
      <c r="M33" s="25">
        <v>6437584</v>
      </c>
      <c r="P33" s="16"/>
    </row>
    <row r="34" spans="1:16" ht="12" customHeight="1" x14ac:dyDescent="0.15">
      <c r="A34" s="12" t="s">
        <v>25</v>
      </c>
      <c r="B34" s="25">
        <v>4372</v>
      </c>
      <c r="C34" s="25">
        <v>341</v>
      </c>
      <c r="D34" s="19">
        <v>4713</v>
      </c>
      <c r="E34" s="25">
        <v>13729224</v>
      </c>
      <c r="F34" s="72"/>
      <c r="G34" s="25">
        <v>251994</v>
      </c>
      <c r="H34" s="26">
        <v>5205</v>
      </c>
      <c r="I34" s="25">
        <v>55268</v>
      </c>
      <c r="J34" s="25">
        <v>5745</v>
      </c>
      <c r="K34" s="25">
        <v>4116</v>
      </c>
      <c r="L34" s="25">
        <v>4193</v>
      </c>
      <c r="M34" s="25">
        <v>5705557</v>
      </c>
      <c r="P34" s="16"/>
    </row>
    <row r="35" spans="1:16" ht="12" customHeight="1" x14ac:dyDescent="0.15">
      <c r="A35" s="12" t="s">
        <v>26</v>
      </c>
      <c r="B35" s="25">
        <v>8031</v>
      </c>
      <c r="C35" s="25">
        <v>914</v>
      </c>
      <c r="D35" s="19">
        <v>8945</v>
      </c>
      <c r="E35" s="25">
        <v>31758175</v>
      </c>
      <c r="F35" s="72"/>
      <c r="G35" s="25">
        <v>549619</v>
      </c>
      <c r="H35" s="32">
        <v>8308</v>
      </c>
      <c r="I35" s="25">
        <v>7235</v>
      </c>
      <c r="J35" s="25">
        <v>64535</v>
      </c>
      <c r="K35" s="25">
        <v>11675</v>
      </c>
      <c r="L35" s="25">
        <v>1967</v>
      </c>
      <c r="M35" s="25">
        <v>11737990</v>
      </c>
      <c r="P35" s="16"/>
    </row>
    <row r="36" spans="1:16" ht="12" customHeight="1" x14ac:dyDescent="0.15">
      <c r="A36" s="13" t="s">
        <v>27</v>
      </c>
      <c r="B36" s="29">
        <v>5869</v>
      </c>
      <c r="C36" s="29">
        <v>231</v>
      </c>
      <c r="D36" s="21">
        <v>6100</v>
      </c>
      <c r="E36" s="29">
        <v>16412600</v>
      </c>
      <c r="F36" s="72"/>
      <c r="G36" s="29">
        <v>587352</v>
      </c>
      <c r="H36" s="34">
        <v>13448</v>
      </c>
      <c r="I36" s="29">
        <v>5420</v>
      </c>
      <c r="J36" s="29">
        <v>67772</v>
      </c>
      <c r="K36" s="29">
        <v>10582</v>
      </c>
      <c r="L36" s="29">
        <v>9047</v>
      </c>
      <c r="M36" s="29">
        <v>6401947</v>
      </c>
      <c r="P36" s="16"/>
    </row>
    <row r="37" spans="1:16" ht="12" customHeight="1" x14ac:dyDescent="0.15">
      <c r="A37" s="12" t="s">
        <v>28</v>
      </c>
      <c r="B37" s="25">
        <v>2863</v>
      </c>
      <c r="C37" s="25">
        <v>227</v>
      </c>
      <c r="D37" s="19">
        <v>3090</v>
      </c>
      <c r="E37" s="25">
        <v>8933236</v>
      </c>
      <c r="F37" s="72"/>
      <c r="G37" s="25">
        <v>113416</v>
      </c>
      <c r="H37" s="26">
        <v>0</v>
      </c>
      <c r="I37" s="25">
        <v>3386</v>
      </c>
      <c r="J37" s="25">
        <v>32016</v>
      </c>
      <c r="K37" s="25">
        <v>20220</v>
      </c>
      <c r="L37" s="25">
        <v>0</v>
      </c>
      <c r="M37" s="25">
        <v>3623321</v>
      </c>
      <c r="P37" s="16"/>
    </row>
    <row r="38" spans="1:16" ht="12" customHeight="1" x14ac:dyDescent="0.15">
      <c r="A38" s="12" t="s">
        <v>29</v>
      </c>
      <c r="B38" s="25">
        <v>10235</v>
      </c>
      <c r="C38" s="25">
        <v>756</v>
      </c>
      <c r="D38" s="19">
        <v>10991</v>
      </c>
      <c r="E38" s="25">
        <v>31782401</v>
      </c>
      <c r="F38" s="72"/>
      <c r="G38" s="25">
        <v>972943</v>
      </c>
      <c r="H38" s="32">
        <v>20682</v>
      </c>
      <c r="I38" s="25">
        <v>591949</v>
      </c>
      <c r="J38" s="25">
        <v>103272</v>
      </c>
      <c r="K38" s="25">
        <v>12611</v>
      </c>
      <c r="L38" s="25">
        <v>4821</v>
      </c>
      <c r="M38" s="25">
        <v>12734854</v>
      </c>
      <c r="P38" s="16"/>
    </row>
    <row r="39" spans="1:16" ht="12" customHeight="1" x14ac:dyDescent="0.15">
      <c r="A39" s="12" t="s">
        <v>30</v>
      </c>
      <c r="B39" s="25">
        <v>17757</v>
      </c>
      <c r="C39" s="25">
        <v>1739</v>
      </c>
      <c r="D39" s="19">
        <v>19496</v>
      </c>
      <c r="E39" s="25">
        <v>56467893</v>
      </c>
      <c r="F39" s="72"/>
      <c r="G39" s="25">
        <v>960322</v>
      </c>
      <c r="H39" s="33">
        <v>4395</v>
      </c>
      <c r="I39" s="25">
        <v>26424</v>
      </c>
      <c r="J39" s="25">
        <v>137926</v>
      </c>
      <c r="K39" s="25">
        <v>11402</v>
      </c>
      <c r="L39" s="25">
        <v>4793</v>
      </c>
      <c r="M39" s="25">
        <v>22553257</v>
      </c>
      <c r="P39" s="16"/>
    </row>
    <row r="40" spans="1:16" ht="12" customHeight="1" x14ac:dyDescent="0.15">
      <c r="A40" s="12" t="s">
        <v>31</v>
      </c>
      <c r="B40" s="25">
        <v>1272</v>
      </c>
      <c r="C40" s="25">
        <v>79</v>
      </c>
      <c r="D40" s="19">
        <v>1351</v>
      </c>
      <c r="E40" s="25">
        <v>3956028</v>
      </c>
      <c r="F40" s="72"/>
      <c r="G40" s="25">
        <v>24744</v>
      </c>
      <c r="H40" s="32">
        <v>0</v>
      </c>
      <c r="I40" s="25">
        <v>0</v>
      </c>
      <c r="J40" s="25">
        <v>3249</v>
      </c>
      <c r="K40" s="25">
        <v>597</v>
      </c>
      <c r="L40" s="25">
        <v>0</v>
      </c>
      <c r="M40" s="25">
        <v>1583198</v>
      </c>
      <c r="P40" s="16"/>
    </row>
    <row r="41" spans="1:16" ht="19.5" customHeight="1" x14ac:dyDescent="0.2">
      <c r="A41" s="1" t="s">
        <v>37</v>
      </c>
      <c r="B41" s="35">
        <v>4447245</v>
      </c>
      <c r="C41" s="35">
        <v>254286</v>
      </c>
      <c r="D41" s="35">
        <v>4701531</v>
      </c>
      <c r="E41" s="36">
        <v>18239806689</v>
      </c>
      <c r="F41" s="73"/>
      <c r="G41" s="36">
        <v>481405623</v>
      </c>
      <c r="H41" s="36">
        <v>5382803</v>
      </c>
      <c r="I41" s="36">
        <v>129256687</v>
      </c>
      <c r="J41" s="36">
        <v>155764588</v>
      </c>
      <c r="K41" s="36">
        <v>16669735</v>
      </c>
      <c r="L41" s="36">
        <v>10355942</v>
      </c>
      <c r="M41" s="36">
        <v>6084822974</v>
      </c>
      <c r="P41" s="16"/>
    </row>
    <row r="42" spans="1:16" ht="12" customHeight="1" x14ac:dyDescent="0.2">
      <c r="A42" s="3" t="s">
        <v>90</v>
      </c>
    </row>
    <row r="43" spans="1:16" ht="12" customHeight="1" x14ac:dyDescent="0.2"/>
    <row r="44" spans="1:16" ht="12" customHeight="1" x14ac:dyDescent="0.2"/>
    <row r="45" spans="1:16" ht="12" customHeight="1" x14ac:dyDescent="0.2"/>
  </sheetData>
  <mergeCells count="14">
    <mergeCell ref="F8:F41"/>
    <mergeCell ref="I4:I7"/>
    <mergeCell ref="L4:L7"/>
    <mergeCell ref="M4:M7"/>
    <mergeCell ref="K4:K7"/>
    <mergeCell ref="F4:F7"/>
    <mergeCell ref="G4:G7"/>
    <mergeCell ref="H4:H7"/>
    <mergeCell ref="J4:J7"/>
    <mergeCell ref="B5:B7"/>
    <mergeCell ref="C5:C7"/>
    <mergeCell ref="D5:D7"/>
    <mergeCell ref="B4:D4"/>
    <mergeCell ref="E4:E7"/>
  </mergeCells>
  <phoneticPr fontId="2"/>
  <pageMargins left="0.78740157480314965" right="0.78740157480314965" top="0.78740157480314965" bottom="0.78740157480314965" header="0.51181102362204722" footer="0.31496062992125984"/>
  <pageSetup paperSize="9" scale="84" firstPageNumber="189" orientation="landscape" blackAndWhite="1" useFirstPageNumber="1" horizontalDpi="300" verticalDpi="300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43"/>
  <sheetViews>
    <sheetView zoomScaleNormal="100" workbookViewId="0">
      <pane xSplit="1" ySplit="5" topLeftCell="B6" activePane="bottomRight" state="frozen"/>
      <selection pane="topRight"/>
      <selection pane="bottomLeft"/>
      <selection pane="bottomRight"/>
    </sheetView>
  </sheetViews>
  <sheetFormatPr defaultColWidth="12.6328125" defaultRowHeight="11.15" customHeight="1" x14ac:dyDescent="0.2"/>
  <cols>
    <col min="1" max="1" width="12.6328125" style="3" customWidth="1"/>
    <col min="2" max="2" width="13.36328125" style="3" customWidth="1"/>
    <col min="3" max="3" width="10.90625" style="3" customWidth="1"/>
    <col min="4" max="9" width="9.6328125" style="3" customWidth="1"/>
    <col min="10" max="11" width="8.08984375" style="3" customWidth="1"/>
    <col min="12" max="12" width="9.6328125" style="3" customWidth="1"/>
    <col min="13" max="13" width="8.08984375" style="3" customWidth="1"/>
    <col min="14" max="16" width="10.453125" style="3" customWidth="1"/>
    <col min="17" max="16384" width="12.6328125" style="3"/>
  </cols>
  <sheetData>
    <row r="1" spans="1:19" ht="12" customHeight="1" x14ac:dyDescent="0.2">
      <c r="B1" s="6"/>
      <c r="C1" s="6"/>
      <c r="D1" s="6"/>
      <c r="E1" s="6"/>
      <c r="F1" s="6"/>
      <c r="G1" s="6"/>
      <c r="H1" s="6"/>
      <c r="I1" s="6"/>
      <c r="J1" s="6"/>
      <c r="K1" s="6"/>
      <c r="L1" s="6"/>
      <c r="M1" s="6"/>
      <c r="N1" s="6"/>
      <c r="O1" s="6"/>
      <c r="P1" s="7" t="s">
        <v>32</v>
      </c>
      <c r="Q1" s="6"/>
      <c r="R1" s="6"/>
      <c r="S1" s="6"/>
    </row>
    <row r="2" spans="1:19" ht="12" customHeight="1" x14ac:dyDescent="0.2">
      <c r="A2" s="8" t="s">
        <v>33</v>
      </c>
      <c r="B2" s="79" t="s">
        <v>57</v>
      </c>
      <c r="C2" s="54" t="s">
        <v>58</v>
      </c>
      <c r="D2" s="57" t="s">
        <v>59</v>
      </c>
      <c r="E2" s="86"/>
      <c r="F2" s="86"/>
      <c r="G2" s="86"/>
      <c r="H2" s="86"/>
      <c r="I2" s="87"/>
      <c r="J2" s="79" t="s">
        <v>60</v>
      </c>
      <c r="K2" s="54" t="s">
        <v>61</v>
      </c>
      <c r="L2" s="54" t="s">
        <v>83</v>
      </c>
      <c r="M2" s="79" t="s">
        <v>62</v>
      </c>
      <c r="N2" s="80" t="s">
        <v>63</v>
      </c>
      <c r="O2" s="81"/>
      <c r="P2" s="82"/>
      <c r="Q2" s="6"/>
      <c r="R2" s="6"/>
      <c r="S2" s="6"/>
    </row>
    <row r="3" spans="1:19" ht="12" customHeight="1" x14ac:dyDescent="0.2">
      <c r="A3" s="9"/>
      <c r="B3" s="77"/>
      <c r="C3" s="74"/>
      <c r="D3" s="54" t="s">
        <v>64</v>
      </c>
      <c r="E3" s="54" t="s">
        <v>65</v>
      </c>
      <c r="F3" s="54" t="s">
        <v>66</v>
      </c>
      <c r="G3" s="46" t="s">
        <v>67</v>
      </c>
      <c r="H3" s="46" t="s">
        <v>68</v>
      </c>
      <c r="I3" s="83" t="s">
        <v>34</v>
      </c>
      <c r="J3" s="77"/>
      <c r="K3" s="74"/>
      <c r="L3" s="84"/>
      <c r="M3" s="77"/>
      <c r="N3" s="54" t="s">
        <v>69</v>
      </c>
      <c r="O3" s="54" t="s">
        <v>70</v>
      </c>
      <c r="P3" s="46" t="s">
        <v>34</v>
      </c>
      <c r="Q3" s="6"/>
      <c r="R3" s="6"/>
      <c r="S3" s="6"/>
    </row>
    <row r="4" spans="1:19" ht="12" customHeight="1" x14ac:dyDescent="0.2">
      <c r="A4" s="9"/>
      <c r="B4" s="77"/>
      <c r="C4" s="74"/>
      <c r="D4" s="74"/>
      <c r="E4" s="74"/>
      <c r="F4" s="74"/>
      <c r="G4" s="47"/>
      <c r="H4" s="47"/>
      <c r="I4" s="55"/>
      <c r="J4" s="77"/>
      <c r="K4" s="74"/>
      <c r="L4" s="84"/>
      <c r="M4" s="77"/>
      <c r="N4" s="74"/>
      <c r="O4" s="74"/>
      <c r="P4" s="46"/>
      <c r="Q4" s="6"/>
      <c r="R4" s="6"/>
      <c r="S4" s="6"/>
    </row>
    <row r="5" spans="1:19" ht="12" customHeight="1" x14ac:dyDescent="0.2">
      <c r="A5" s="10" t="s">
        <v>35</v>
      </c>
      <c r="B5" s="78"/>
      <c r="C5" s="75"/>
      <c r="D5" s="75"/>
      <c r="E5" s="75"/>
      <c r="F5" s="75"/>
      <c r="G5" s="47"/>
      <c r="H5" s="47"/>
      <c r="I5" s="56"/>
      <c r="J5" s="78"/>
      <c r="K5" s="75"/>
      <c r="L5" s="85"/>
      <c r="M5" s="78"/>
      <c r="N5" s="75"/>
      <c r="O5" s="75"/>
      <c r="P5" s="46"/>
      <c r="Q5" s="6"/>
      <c r="R5" s="6"/>
      <c r="S5" s="6"/>
    </row>
    <row r="6" spans="1:19" ht="12" customHeight="1" x14ac:dyDescent="0.15">
      <c r="A6" s="11" t="s">
        <v>36</v>
      </c>
      <c r="B6" s="26">
        <v>5725670401</v>
      </c>
      <c r="C6" s="27">
        <v>443817884</v>
      </c>
      <c r="D6" s="27">
        <v>4814569</v>
      </c>
      <c r="E6" s="27">
        <v>469355</v>
      </c>
      <c r="F6" s="27">
        <v>5186372</v>
      </c>
      <c r="G6" s="27">
        <v>23084675</v>
      </c>
      <c r="H6" s="27">
        <v>23843</v>
      </c>
      <c r="I6" s="27">
        <v>33578814</v>
      </c>
      <c r="J6" s="27">
        <v>13113</v>
      </c>
      <c r="K6" s="27">
        <v>493006</v>
      </c>
      <c r="L6" s="27">
        <v>824881</v>
      </c>
      <c r="M6" s="27">
        <v>0</v>
      </c>
      <c r="N6" s="27">
        <v>408642491</v>
      </c>
      <c r="O6" s="27">
        <v>265579</v>
      </c>
      <c r="P6" s="37">
        <v>408908070</v>
      </c>
    </row>
    <row r="7" spans="1:19" ht="12" customHeight="1" x14ac:dyDescent="0.15">
      <c r="A7" s="12" t="s">
        <v>0</v>
      </c>
      <c r="B7" s="26">
        <v>2456356798</v>
      </c>
      <c r="C7" s="25">
        <v>191290120</v>
      </c>
      <c r="D7" s="25">
        <v>1978612</v>
      </c>
      <c r="E7" s="25">
        <v>129790</v>
      </c>
      <c r="F7" s="25">
        <v>2113261</v>
      </c>
      <c r="G7" s="25">
        <v>10336780</v>
      </c>
      <c r="H7" s="25">
        <v>15094</v>
      </c>
      <c r="I7" s="25">
        <v>14573537</v>
      </c>
      <c r="J7" s="25">
        <v>5255</v>
      </c>
      <c r="K7" s="25">
        <v>54076</v>
      </c>
      <c r="L7" s="25">
        <v>372498</v>
      </c>
      <c r="M7" s="25">
        <v>9875</v>
      </c>
      <c r="N7" s="25">
        <v>172886390</v>
      </c>
      <c r="O7" s="25">
        <v>3388489</v>
      </c>
      <c r="P7" s="38">
        <v>176274879</v>
      </c>
    </row>
    <row r="8" spans="1:19" ht="12" customHeight="1" x14ac:dyDescent="0.15">
      <c r="A8" s="12" t="s">
        <v>8</v>
      </c>
      <c r="B8" s="26">
        <v>831658566</v>
      </c>
      <c r="C8" s="25">
        <v>64741235</v>
      </c>
      <c r="D8" s="25">
        <v>937178</v>
      </c>
      <c r="E8" s="25">
        <v>39502</v>
      </c>
      <c r="F8" s="25">
        <v>1090332</v>
      </c>
      <c r="G8" s="25">
        <v>2423361</v>
      </c>
      <c r="H8" s="25">
        <v>1056</v>
      </c>
      <c r="I8" s="25">
        <v>4491429</v>
      </c>
      <c r="J8" s="25">
        <v>3314</v>
      </c>
      <c r="K8" s="25">
        <v>46793</v>
      </c>
      <c r="L8" s="25">
        <v>65841</v>
      </c>
      <c r="M8" s="25">
        <v>2766</v>
      </c>
      <c r="N8" s="25">
        <v>58263506</v>
      </c>
      <c r="O8" s="25">
        <v>1867586</v>
      </c>
      <c r="P8" s="38">
        <v>60131092</v>
      </c>
      <c r="S8" s="16"/>
    </row>
    <row r="9" spans="1:19" ht="12" customHeight="1" x14ac:dyDescent="0.15">
      <c r="A9" s="11" t="s">
        <v>1</v>
      </c>
      <c r="B9" s="28">
        <v>404718297</v>
      </c>
      <c r="C9" s="27">
        <v>23889043</v>
      </c>
      <c r="D9" s="27">
        <v>384307</v>
      </c>
      <c r="E9" s="27">
        <v>16676</v>
      </c>
      <c r="F9" s="27">
        <v>369389</v>
      </c>
      <c r="G9" s="27">
        <v>701903</v>
      </c>
      <c r="H9" s="27">
        <v>404</v>
      </c>
      <c r="I9" s="27">
        <v>1472679</v>
      </c>
      <c r="J9" s="27">
        <v>1517</v>
      </c>
      <c r="K9" s="27">
        <v>24999</v>
      </c>
      <c r="L9" s="27">
        <v>22994</v>
      </c>
      <c r="M9" s="27">
        <v>292</v>
      </c>
      <c r="N9" s="27">
        <v>21779713</v>
      </c>
      <c r="O9" s="27">
        <v>586849</v>
      </c>
      <c r="P9" s="37">
        <v>22366562</v>
      </c>
      <c r="S9" s="16"/>
    </row>
    <row r="10" spans="1:19" ht="12" customHeight="1" x14ac:dyDescent="0.15">
      <c r="A10" s="12" t="s">
        <v>2</v>
      </c>
      <c r="B10" s="26">
        <v>279817386</v>
      </c>
      <c r="C10" s="25">
        <v>16412503</v>
      </c>
      <c r="D10" s="25">
        <v>246815</v>
      </c>
      <c r="E10" s="25">
        <v>13366</v>
      </c>
      <c r="F10" s="25">
        <v>292080</v>
      </c>
      <c r="G10" s="25">
        <v>587541</v>
      </c>
      <c r="H10" s="25">
        <v>227</v>
      </c>
      <c r="I10" s="25">
        <v>1140029</v>
      </c>
      <c r="J10" s="25">
        <v>1119</v>
      </c>
      <c r="K10" s="25">
        <v>14991</v>
      </c>
      <c r="L10" s="25">
        <v>14403</v>
      </c>
      <c r="M10" s="25">
        <v>0</v>
      </c>
      <c r="N10" s="25">
        <v>14751306</v>
      </c>
      <c r="O10" s="25">
        <v>490655</v>
      </c>
      <c r="P10" s="38">
        <v>15241961</v>
      </c>
      <c r="S10" s="16"/>
    </row>
    <row r="11" spans="1:19" ht="12" customHeight="1" x14ac:dyDescent="0.15">
      <c r="A11" s="12" t="s">
        <v>3</v>
      </c>
      <c r="B11" s="26">
        <v>339120509</v>
      </c>
      <c r="C11" s="25">
        <v>18679165</v>
      </c>
      <c r="D11" s="25">
        <v>166940</v>
      </c>
      <c r="E11" s="25">
        <v>28124</v>
      </c>
      <c r="F11" s="25">
        <v>149044</v>
      </c>
      <c r="G11" s="25">
        <v>1063596</v>
      </c>
      <c r="H11" s="25">
        <v>4028</v>
      </c>
      <c r="I11" s="25">
        <v>1411732</v>
      </c>
      <c r="J11" s="25">
        <v>472</v>
      </c>
      <c r="K11" s="25">
        <v>39978</v>
      </c>
      <c r="L11" s="25">
        <v>48292</v>
      </c>
      <c r="M11" s="25">
        <v>2609</v>
      </c>
      <c r="N11" s="25">
        <v>16909799</v>
      </c>
      <c r="O11" s="25">
        <v>266283</v>
      </c>
      <c r="P11" s="38">
        <v>17176082</v>
      </c>
      <c r="S11" s="16"/>
    </row>
    <row r="12" spans="1:19" ht="12" customHeight="1" x14ac:dyDescent="0.15">
      <c r="A12" s="12" t="s">
        <v>4</v>
      </c>
      <c r="B12" s="26">
        <v>641964199</v>
      </c>
      <c r="C12" s="25">
        <v>37179604</v>
      </c>
      <c r="D12" s="25">
        <v>420376</v>
      </c>
      <c r="E12" s="25">
        <v>37299</v>
      </c>
      <c r="F12" s="25">
        <v>534105</v>
      </c>
      <c r="G12" s="25">
        <v>1807209</v>
      </c>
      <c r="H12" s="25">
        <v>1648</v>
      </c>
      <c r="I12" s="25">
        <v>2800637</v>
      </c>
      <c r="J12" s="25">
        <v>1923</v>
      </c>
      <c r="K12" s="25">
        <v>43854</v>
      </c>
      <c r="L12" s="25">
        <v>60030</v>
      </c>
      <c r="M12" s="25">
        <v>828</v>
      </c>
      <c r="N12" s="25">
        <v>33345130</v>
      </c>
      <c r="O12" s="25">
        <v>927202</v>
      </c>
      <c r="P12" s="38">
        <v>34272332</v>
      </c>
      <c r="S12" s="16"/>
    </row>
    <row r="13" spans="1:19" ht="12" customHeight="1" x14ac:dyDescent="0.15">
      <c r="A13" s="12" t="s">
        <v>5</v>
      </c>
      <c r="B13" s="26">
        <v>208010081</v>
      </c>
      <c r="C13" s="25">
        <v>12134201</v>
      </c>
      <c r="D13" s="25">
        <v>184795</v>
      </c>
      <c r="E13" s="25">
        <v>11645</v>
      </c>
      <c r="F13" s="25">
        <v>187398</v>
      </c>
      <c r="G13" s="25">
        <v>442163</v>
      </c>
      <c r="H13" s="25">
        <v>1127</v>
      </c>
      <c r="I13" s="25">
        <v>827128</v>
      </c>
      <c r="J13" s="25">
        <v>831</v>
      </c>
      <c r="K13" s="25">
        <v>15869</v>
      </c>
      <c r="L13" s="25">
        <v>22865</v>
      </c>
      <c r="M13" s="25">
        <v>1010</v>
      </c>
      <c r="N13" s="25">
        <v>10950439</v>
      </c>
      <c r="O13" s="25">
        <v>316059</v>
      </c>
      <c r="P13" s="38">
        <v>11266498</v>
      </c>
      <c r="S13" s="16"/>
    </row>
    <row r="14" spans="1:19" ht="12" customHeight="1" x14ac:dyDescent="0.15">
      <c r="A14" s="13" t="s">
        <v>6</v>
      </c>
      <c r="B14" s="30">
        <v>327879179</v>
      </c>
      <c r="C14" s="29">
        <v>18674907</v>
      </c>
      <c r="D14" s="29">
        <v>236149</v>
      </c>
      <c r="E14" s="29">
        <v>13858</v>
      </c>
      <c r="F14" s="29">
        <v>339194</v>
      </c>
      <c r="G14" s="29">
        <v>785667</v>
      </c>
      <c r="H14" s="29">
        <v>325027</v>
      </c>
      <c r="I14" s="29">
        <v>1699895</v>
      </c>
      <c r="J14" s="29">
        <v>808</v>
      </c>
      <c r="K14" s="29">
        <v>23024</v>
      </c>
      <c r="L14" s="29">
        <v>34269</v>
      </c>
      <c r="M14" s="29">
        <v>135</v>
      </c>
      <c r="N14" s="29">
        <v>16356404</v>
      </c>
      <c r="O14" s="29">
        <v>560372</v>
      </c>
      <c r="P14" s="39">
        <v>16916776</v>
      </c>
      <c r="S14" s="16"/>
    </row>
    <row r="15" spans="1:19" ht="12" customHeight="1" x14ac:dyDescent="0.15">
      <c r="A15" s="14" t="s">
        <v>7</v>
      </c>
      <c r="B15" s="26">
        <v>96307160</v>
      </c>
      <c r="C15" s="25">
        <v>5433122</v>
      </c>
      <c r="D15" s="25">
        <v>55943</v>
      </c>
      <c r="E15" s="25">
        <v>9063</v>
      </c>
      <c r="F15" s="25">
        <v>53492</v>
      </c>
      <c r="G15" s="25">
        <v>272494</v>
      </c>
      <c r="H15" s="25">
        <v>7306</v>
      </c>
      <c r="I15" s="25">
        <v>398298</v>
      </c>
      <c r="J15" s="25">
        <v>226</v>
      </c>
      <c r="K15" s="25">
        <v>17002</v>
      </c>
      <c r="L15" s="25">
        <v>11701</v>
      </c>
      <c r="M15" s="25">
        <v>31</v>
      </c>
      <c r="N15" s="25">
        <v>4909297</v>
      </c>
      <c r="O15" s="25">
        <v>96567</v>
      </c>
      <c r="P15" s="40">
        <v>5005864</v>
      </c>
      <c r="S15" s="16"/>
    </row>
    <row r="16" spans="1:19" ht="12" customHeight="1" x14ac:dyDescent="0.15">
      <c r="A16" s="12" t="s">
        <v>9</v>
      </c>
      <c r="B16" s="26">
        <v>37160711</v>
      </c>
      <c r="C16" s="25">
        <v>2180281</v>
      </c>
      <c r="D16" s="25">
        <v>40313</v>
      </c>
      <c r="E16" s="25">
        <v>2109</v>
      </c>
      <c r="F16" s="25">
        <v>26401</v>
      </c>
      <c r="G16" s="25">
        <v>49423</v>
      </c>
      <c r="H16" s="25">
        <v>2</v>
      </c>
      <c r="I16" s="25">
        <v>118248</v>
      </c>
      <c r="J16" s="25">
        <v>199</v>
      </c>
      <c r="K16" s="25">
        <v>1266</v>
      </c>
      <c r="L16" s="25">
        <v>1981</v>
      </c>
      <c r="M16" s="25">
        <v>0</v>
      </c>
      <c r="N16" s="25">
        <v>2010516</v>
      </c>
      <c r="O16" s="25">
        <v>48071</v>
      </c>
      <c r="P16" s="38">
        <v>2058587</v>
      </c>
      <c r="S16" s="16"/>
    </row>
    <row r="17" spans="1:19" ht="12" customHeight="1" x14ac:dyDescent="0.15">
      <c r="A17" s="12" t="s">
        <v>10</v>
      </c>
      <c r="B17" s="26">
        <v>160576406</v>
      </c>
      <c r="C17" s="25">
        <v>9424956</v>
      </c>
      <c r="D17" s="25">
        <v>155960</v>
      </c>
      <c r="E17" s="25">
        <v>5740</v>
      </c>
      <c r="F17" s="25">
        <v>155521</v>
      </c>
      <c r="G17" s="25">
        <v>292788</v>
      </c>
      <c r="H17" s="25">
        <v>208</v>
      </c>
      <c r="I17" s="25">
        <v>610217</v>
      </c>
      <c r="J17" s="25">
        <v>770</v>
      </c>
      <c r="K17" s="25">
        <v>10597</v>
      </c>
      <c r="L17" s="25">
        <v>12713</v>
      </c>
      <c r="M17" s="25">
        <v>107</v>
      </c>
      <c r="N17" s="25">
        <v>8515202</v>
      </c>
      <c r="O17" s="25">
        <v>275350</v>
      </c>
      <c r="P17" s="38">
        <v>8790552</v>
      </c>
      <c r="S17" s="16"/>
    </row>
    <row r="18" spans="1:19" ht="12" customHeight="1" x14ac:dyDescent="0.15">
      <c r="A18" s="12" t="s">
        <v>11</v>
      </c>
      <c r="B18" s="26">
        <v>271341101</v>
      </c>
      <c r="C18" s="25">
        <v>15790393</v>
      </c>
      <c r="D18" s="25">
        <v>220739</v>
      </c>
      <c r="E18" s="25">
        <v>7160</v>
      </c>
      <c r="F18" s="25">
        <v>224663</v>
      </c>
      <c r="G18" s="25">
        <v>577764</v>
      </c>
      <c r="H18" s="25">
        <v>653</v>
      </c>
      <c r="I18" s="25">
        <v>1030979</v>
      </c>
      <c r="J18" s="25">
        <v>673</v>
      </c>
      <c r="K18" s="25">
        <v>12658</v>
      </c>
      <c r="L18" s="25">
        <v>17054</v>
      </c>
      <c r="M18" s="25">
        <v>393</v>
      </c>
      <c r="N18" s="25">
        <v>14341757</v>
      </c>
      <c r="O18" s="25">
        <v>386879</v>
      </c>
      <c r="P18" s="38">
        <v>14728636</v>
      </c>
      <c r="S18" s="16"/>
    </row>
    <row r="19" spans="1:19" ht="12" customHeight="1" x14ac:dyDescent="0.15">
      <c r="A19" s="13" t="s">
        <v>12</v>
      </c>
      <c r="B19" s="30">
        <v>300245488</v>
      </c>
      <c r="C19" s="29">
        <v>17510320</v>
      </c>
      <c r="D19" s="29">
        <v>237853</v>
      </c>
      <c r="E19" s="29">
        <v>9559</v>
      </c>
      <c r="F19" s="29">
        <v>337589</v>
      </c>
      <c r="G19" s="29">
        <v>689961</v>
      </c>
      <c r="H19" s="29">
        <v>541</v>
      </c>
      <c r="I19" s="29">
        <v>1275503</v>
      </c>
      <c r="J19" s="29">
        <v>742</v>
      </c>
      <c r="K19" s="29">
        <v>15179</v>
      </c>
      <c r="L19" s="29">
        <v>23606</v>
      </c>
      <c r="M19" s="29">
        <v>347</v>
      </c>
      <c r="N19" s="29">
        <v>15624995</v>
      </c>
      <c r="O19" s="29">
        <v>569948</v>
      </c>
      <c r="P19" s="39">
        <v>16194943</v>
      </c>
      <c r="S19" s="16"/>
    </row>
    <row r="20" spans="1:19" ht="12" customHeight="1" x14ac:dyDescent="0.15">
      <c r="A20" s="14" t="s">
        <v>13</v>
      </c>
      <c r="B20" s="26">
        <v>118290113</v>
      </c>
      <c r="C20" s="25">
        <v>6946982</v>
      </c>
      <c r="D20" s="25">
        <v>101860</v>
      </c>
      <c r="E20" s="25">
        <v>2908</v>
      </c>
      <c r="F20" s="25">
        <v>106786</v>
      </c>
      <c r="G20" s="25">
        <v>249510</v>
      </c>
      <c r="H20" s="25">
        <v>180</v>
      </c>
      <c r="I20" s="25">
        <v>461244</v>
      </c>
      <c r="J20" s="25">
        <v>268</v>
      </c>
      <c r="K20" s="25">
        <v>4982</v>
      </c>
      <c r="L20" s="25">
        <v>7910</v>
      </c>
      <c r="M20" s="25">
        <v>270</v>
      </c>
      <c r="N20" s="25">
        <v>6279746</v>
      </c>
      <c r="O20" s="25">
        <v>192562</v>
      </c>
      <c r="P20" s="40">
        <v>6472308</v>
      </c>
      <c r="S20" s="16"/>
    </row>
    <row r="21" spans="1:19" ht="12" customHeight="1" x14ac:dyDescent="0.15">
      <c r="A21" s="12" t="s">
        <v>14</v>
      </c>
      <c r="B21" s="26">
        <v>172946978</v>
      </c>
      <c r="C21" s="25">
        <v>10149532</v>
      </c>
      <c r="D21" s="25">
        <v>133873</v>
      </c>
      <c r="E21" s="25">
        <v>4964</v>
      </c>
      <c r="F21" s="25">
        <v>196401</v>
      </c>
      <c r="G21" s="25">
        <v>466516</v>
      </c>
      <c r="H21" s="25">
        <v>577</v>
      </c>
      <c r="I21" s="25">
        <v>802331</v>
      </c>
      <c r="J21" s="25">
        <v>461</v>
      </c>
      <c r="K21" s="25">
        <v>8500</v>
      </c>
      <c r="L21" s="25">
        <v>11412</v>
      </c>
      <c r="M21" s="25">
        <v>805</v>
      </c>
      <c r="N21" s="25">
        <v>8992953</v>
      </c>
      <c r="O21" s="25">
        <v>333070</v>
      </c>
      <c r="P21" s="38">
        <v>9326023</v>
      </c>
      <c r="S21" s="16"/>
    </row>
    <row r="22" spans="1:19" ht="12" customHeight="1" x14ac:dyDescent="0.15">
      <c r="A22" s="12" t="s">
        <v>15</v>
      </c>
      <c r="B22" s="26">
        <v>142474418</v>
      </c>
      <c r="C22" s="25">
        <v>8369651</v>
      </c>
      <c r="D22" s="25">
        <v>129735</v>
      </c>
      <c r="E22" s="25">
        <v>2932</v>
      </c>
      <c r="F22" s="25">
        <v>191850</v>
      </c>
      <c r="G22" s="25">
        <v>267692</v>
      </c>
      <c r="H22" s="25">
        <v>385</v>
      </c>
      <c r="I22" s="25">
        <v>592594</v>
      </c>
      <c r="J22" s="25">
        <v>438</v>
      </c>
      <c r="K22" s="25">
        <v>5272</v>
      </c>
      <c r="L22" s="25">
        <v>6796</v>
      </c>
      <c r="M22" s="25">
        <v>262</v>
      </c>
      <c r="N22" s="25">
        <v>7459617</v>
      </c>
      <c r="O22" s="25">
        <v>304672</v>
      </c>
      <c r="P22" s="38">
        <v>7764289</v>
      </c>
      <c r="S22" s="16"/>
    </row>
    <row r="23" spans="1:19" ht="12" customHeight="1" x14ac:dyDescent="0.15">
      <c r="A23" s="12" t="s">
        <v>16</v>
      </c>
      <c r="B23" s="26">
        <v>38988894</v>
      </c>
      <c r="C23" s="25">
        <v>2295699</v>
      </c>
      <c r="D23" s="25">
        <v>42456</v>
      </c>
      <c r="E23" s="25">
        <v>1470</v>
      </c>
      <c r="F23" s="25">
        <v>38148</v>
      </c>
      <c r="G23" s="25">
        <v>68251</v>
      </c>
      <c r="H23" s="25">
        <v>69</v>
      </c>
      <c r="I23" s="25">
        <v>150394</v>
      </c>
      <c r="J23" s="25">
        <v>169</v>
      </c>
      <c r="K23" s="25">
        <v>3142</v>
      </c>
      <c r="L23" s="25">
        <v>3385</v>
      </c>
      <c r="M23" s="25">
        <v>110</v>
      </c>
      <c r="N23" s="25">
        <v>2072571</v>
      </c>
      <c r="O23" s="25">
        <v>65928</v>
      </c>
      <c r="P23" s="38">
        <v>2138499</v>
      </c>
      <c r="S23" s="16"/>
    </row>
    <row r="24" spans="1:19" ht="12" customHeight="1" x14ac:dyDescent="0.15">
      <c r="A24" s="2" t="s">
        <v>17</v>
      </c>
      <c r="B24" s="26">
        <v>84512146</v>
      </c>
      <c r="C24" s="25">
        <v>4950977</v>
      </c>
      <c r="D24" s="25">
        <v>82915</v>
      </c>
      <c r="E24" s="25">
        <v>3601</v>
      </c>
      <c r="F24" s="25">
        <v>117715</v>
      </c>
      <c r="G24" s="25">
        <v>134690</v>
      </c>
      <c r="H24" s="25">
        <v>85</v>
      </c>
      <c r="I24" s="25">
        <v>339006</v>
      </c>
      <c r="J24" s="25">
        <v>654</v>
      </c>
      <c r="K24" s="25">
        <v>5852</v>
      </c>
      <c r="L24" s="25">
        <v>7448</v>
      </c>
      <c r="M24" s="25">
        <v>335</v>
      </c>
      <c r="N24" s="25">
        <v>4417509</v>
      </c>
      <c r="O24" s="25">
        <v>180173</v>
      </c>
      <c r="P24" s="38">
        <v>4597682</v>
      </c>
      <c r="S24" s="16"/>
    </row>
    <row r="25" spans="1:19" ht="12" customHeight="1" x14ac:dyDescent="0.15">
      <c r="A25" s="11" t="s">
        <v>18</v>
      </c>
      <c r="B25" s="31">
        <v>52188185</v>
      </c>
      <c r="C25" s="27">
        <v>2979356</v>
      </c>
      <c r="D25" s="27">
        <v>29939</v>
      </c>
      <c r="E25" s="27">
        <v>6070</v>
      </c>
      <c r="F25" s="27">
        <v>26028</v>
      </c>
      <c r="G25" s="27">
        <v>155465</v>
      </c>
      <c r="H25" s="27">
        <v>199</v>
      </c>
      <c r="I25" s="27">
        <v>217701</v>
      </c>
      <c r="J25" s="27">
        <v>50</v>
      </c>
      <c r="K25" s="27">
        <v>5554</v>
      </c>
      <c r="L25" s="27">
        <v>15831</v>
      </c>
      <c r="M25" s="27">
        <v>0</v>
      </c>
      <c r="N25" s="27">
        <v>2690903</v>
      </c>
      <c r="O25" s="27">
        <v>49317</v>
      </c>
      <c r="P25" s="37">
        <v>2740220</v>
      </c>
      <c r="S25" s="16"/>
    </row>
    <row r="26" spans="1:19" ht="12" customHeight="1" x14ac:dyDescent="0.15">
      <c r="A26" s="12" t="s">
        <v>19</v>
      </c>
      <c r="B26" s="32">
        <v>50443014</v>
      </c>
      <c r="C26" s="25">
        <v>2929870</v>
      </c>
      <c r="D26" s="25">
        <v>48134</v>
      </c>
      <c r="E26" s="25">
        <v>1318</v>
      </c>
      <c r="F26" s="25">
        <v>83527</v>
      </c>
      <c r="G26" s="25">
        <v>74940</v>
      </c>
      <c r="H26" s="25">
        <v>6</v>
      </c>
      <c r="I26" s="25">
        <v>207925</v>
      </c>
      <c r="J26" s="25">
        <v>269</v>
      </c>
      <c r="K26" s="25">
        <v>2312</v>
      </c>
      <c r="L26" s="25">
        <v>1375</v>
      </c>
      <c r="M26" s="25">
        <v>37</v>
      </c>
      <c r="N26" s="25">
        <v>2592260</v>
      </c>
      <c r="O26" s="25">
        <v>125692</v>
      </c>
      <c r="P26" s="38">
        <v>2717952</v>
      </c>
      <c r="S26" s="16"/>
    </row>
    <row r="27" spans="1:19" ht="12" customHeight="1" x14ac:dyDescent="0.15">
      <c r="A27" s="12" t="s">
        <v>20</v>
      </c>
      <c r="B27" s="33">
        <v>43020741</v>
      </c>
      <c r="C27" s="25">
        <v>2452611</v>
      </c>
      <c r="D27" s="25">
        <v>30988</v>
      </c>
      <c r="E27" s="25">
        <v>4402</v>
      </c>
      <c r="F27" s="25">
        <v>32392</v>
      </c>
      <c r="G27" s="25">
        <v>93051</v>
      </c>
      <c r="H27" s="25">
        <v>119</v>
      </c>
      <c r="I27" s="25">
        <v>160952</v>
      </c>
      <c r="J27" s="25">
        <v>86</v>
      </c>
      <c r="K27" s="25">
        <v>4007</v>
      </c>
      <c r="L27" s="25">
        <v>5977</v>
      </c>
      <c r="M27" s="25">
        <v>0</v>
      </c>
      <c r="N27" s="25">
        <v>2224836</v>
      </c>
      <c r="O27" s="25">
        <v>56753</v>
      </c>
      <c r="P27" s="38">
        <v>2281589</v>
      </c>
      <c r="S27" s="16"/>
    </row>
    <row r="28" spans="1:19" ht="12" customHeight="1" x14ac:dyDescent="0.15">
      <c r="A28" s="12" t="s">
        <v>21</v>
      </c>
      <c r="B28" s="32">
        <v>31160575</v>
      </c>
      <c r="C28" s="25">
        <v>1814250</v>
      </c>
      <c r="D28" s="25">
        <v>28511</v>
      </c>
      <c r="E28" s="25">
        <v>1802</v>
      </c>
      <c r="F28" s="25">
        <v>25353</v>
      </c>
      <c r="G28" s="25">
        <v>62412</v>
      </c>
      <c r="H28" s="25">
        <v>4</v>
      </c>
      <c r="I28" s="25">
        <v>118082</v>
      </c>
      <c r="J28" s="25">
        <v>135</v>
      </c>
      <c r="K28" s="25">
        <v>6898</v>
      </c>
      <c r="L28" s="25">
        <v>3336</v>
      </c>
      <c r="M28" s="25">
        <v>49</v>
      </c>
      <c r="N28" s="25">
        <v>1638912</v>
      </c>
      <c r="O28" s="25">
        <v>46838</v>
      </c>
      <c r="P28" s="38">
        <v>1685750</v>
      </c>
      <c r="S28" s="16"/>
    </row>
    <row r="29" spans="1:19" ht="12" customHeight="1" x14ac:dyDescent="0.15">
      <c r="A29" s="13" t="s">
        <v>22</v>
      </c>
      <c r="B29" s="34">
        <v>8157393</v>
      </c>
      <c r="C29" s="29">
        <v>484244</v>
      </c>
      <c r="D29" s="29">
        <v>9645</v>
      </c>
      <c r="E29" s="29">
        <v>394</v>
      </c>
      <c r="F29" s="29">
        <v>6808</v>
      </c>
      <c r="G29" s="29">
        <v>10016</v>
      </c>
      <c r="H29" s="29">
        <v>0</v>
      </c>
      <c r="I29" s="29">
        <v>26863</v>
      </c>
      <c r="J29" s="29">
        <v>7</v>
      </c>
      <c r="K29" s="29">
        <v>494</v>
      </c>
      <c r="L29" s="29">
        <v>396</v>
      </c>
      <c r="M29" s="29">
        <v>0</v>
      </c>
      <c r="N29" s="29">
        <v>445165</v>
      </c>
      <c r="O29" s="29">
        <v>11319</v>
      </c>
      <c r="P29" s="39">
        <v>456484</v>
      </c>
      <c r="S29" s="16"/>
    </row>
    <row r="30" spans="1:19" ht="12" customHeight="1" x14ac:dyDescent="0.15">
      <c r="A30" s="12" t="s">
        <v>23</v>
      </c>
      <c r="B30" s="26">
        <v>16764009</v>
      </c>
      <c r="C30" s="25">
        <v>975455</v>
      </c>
      <c r="D30" s="25">
        <v>17546</v>
      </c>
      <c r="E30" s="25">
        <v>589</v>
      </c>
      <c r="F30" s="25">
        <v>24236</v>
      </c>
      <c r="G30" s="25">
        <v>23942</v>
      </c>
      <c r="H30" s="25">
        <v>134</v>
      </c>
      <c r="I30" s="25">
        <v>66447</v>
      </c>
      <c r="J30" s="25">
        <v>65</v>
      </c>
      <c r="K30" s="25">
        <v>692</v>
      </c>
      <c r="L30" s="25">
        <v>777</v>
      </c>
      <c r="M30" s="25">
        <v>109</v>
      </c>
      <c r="N30" s="25">
        <v>871516</v>
      </c>
      <c r="O30" s="25">
        <v>35849</v>
      </c>
      <c r="P30" s="38">
        <v>907365</v>
      </c>
      <c r="S30" s="16"/>
    </row>
    <row r="31" spans="1:19" ht="12" customHeight="1" x14ac:dyDescent="0.15">
      <c r="A31" s="12" t="s">
        <v>24</v>
      </c>
      <c r="B31" s="26">
        <v>10634263</v>
      </c>
      <c r="C31" s="25">
        <v>628872</v>
      </c>
      <c r="D31" s="25">
        <v>10695</v>
      </c>
      <c r="E31" s="25">
        <v>625</v>
      </c>
      <c r="F31" s="25">
        <v>9492</v>
      </c>
      <c r="G31" s="25">
        <v>21664</v>
      </c>
      <c r="H31" s="25">
        <v>0</v>
      </c>
      <c r="I31" s="25">
        <v>42476</v>
      </c>
      <c r="J31" s="25">
        <v>61</v>
      </c>
      <c r="K31" s="25">
        <v>854</v>
      </c>
      <c r="L31" s="25">
        <v>1958</v>
      </c>
      <c r="M31" s="25">
        <v>0</v>
      </c>
      <c r="N31" s="25">
        <v>566716</v>
      </c>
      <c r="O31" s="25">
        <v>16807</v>
      </c>
      <c r="P31" s="38">
        <v>583523</v>
      </c>
      <c r="S31" s="16"/>
    </row>
    <row r="32" spans="1:19" ht="12" customHeight="1" x14ac:dyDescent="0.15">
      <c r="A32" s="12" t="s">
        <v>25</v>
      </c>
      <c r="B32" s="26">
        <v>8350188</v>
      </c>
      <c r="C32" s="25">
        <v>491100</v>
      </c>
      <c r="D32" s="25">
        <v>10084</v>
      </c>
      <c r="E32" s="25">
        <v>284</v>
      </c>
      <c r="F32" s="25">
        <v>5411</v>
      </c>
      <c r="G32" s="25">
        <v>9274</v>
      </c>
      <c r="H32" s="25">
        <v>0</v>
      </c>
      <c r="I32" s="25">
        <v>25053</v>
      </c>
      <c r="J32" s="25">
        <v>80</v>
      </c>
      <c r="K32" s="25">
        <v>879</v>
      </c>
      <c r="L32" s="25">
        <v>266</v>
      </c>
      <c r="M32" s="25">
        <v>0</v>
      </c>
      <c r="N32" s="25">
        <v>454889</v>
      </c>
      <c r="O32" s="25">
        <v>9933</v>
      </c>
      <c r="P32" s="38">
        <v>464822</v>
      </c>
      <c r="S32" s="16"/>
    </row>
    <row r="33" spans="1:19" ht="12" customHeight="1" x14ac:dyDescent="0.15">
      <c r="A33" s="12" t="s">
        <v>26</v>
      </c>
      <c r="B33" s="32">
        <v>20663524</v>
      </c>
      <c r="C33" s="25">
        <v>1220494</v>
      </c>
      <c r="D33" s="25">
        <v>17711</v>
      </c>
      <c r="E33" s="25">
        <v>1541</v>
      </c>
      <c r="F33" s="25">
        <v>29960</v>
      </c>
      <c r="G33" s="25">
        <v>47831</v>
      </c>
      <c r="H33" s="25">
        <v>67</v>
      </c>
      <c r="I33" s="25">
        <v>97110</v>
      </c>
      <c r="J33" s="25">
        <v>51</v>
      </c>
      <c r="K33" s="25">
        <v>1024</v>
      </c>
      <c r="L33" s="25">
        <v>1075</v>
      </c>
      <c r="M33" s="25">
        <v>0</v>
      </c>
      <c r="N33" s="25">
        <v>1071052</v>
      </c>
      <c r="O33" s="25">
        <v>50182</v>
      </c>
      <c r="P33" s="38">
        <v>1121234</v>
      </c>
      <c r="S33" s="16"/>
    </row>
    <row r="34" spans="1:19" ht="12" customHeight="1" x14ac:dyDescent="0.15">
      <c r="A34" s="13" t="s">
        <v>27</v>
      </c>
      <c r="B34" s="34">
        <v>10704274</v>
      </c>
      <c r="C34" s="29">
        <v>621669</v>
      </c>
      <c r="D34" s="29">
        <v>11615</v>
      </c>
      <c r="E34" s="29">
        <v>311</v>
      </c>
      <c r="F34" s="29">
        <v>1941</v>
      </c>
      <c r="G34" s="29">
        <v>13075</v>
      </c>
      <c r="H34" s="29">
        <v>3</v>
      </c>
      <c r="I34" s="29">
        <v>26945</v>
      </c>
      <c r="J34" s="29">
        <v>47</v>
      </c>
      <c r="K34" s="29">
        <v>582</v>
      </c>
      <c r="L34" s="29">
        <v>987</v>
      </c>
      <c r="M34" s="29">
        <v>0</v>
      </c>
      <c r="N34" s="29">
        <v>588924</v>
      </c>
      <c r="O34" s="29">
        <v>4184</v>
      </c>
      <c r="P34" s="39">
        <v>593108</v>
      </c>
      <c r="S34" s="16"/>
    </row>
    <row r="35" spans="1:19" ht="12" customHeight="1" x14ac:dyDescent="0.15">
      <c r="A35" s="12" t="s">
        <v>28</v>
      </c>
      <c r="B35" s="26">
        <v>5478953</v>
      </c>
      <c r="C35" s="25">
        <v>323623</v>
      </c>
      <c r="D35" s="25">
        <v>6758</v>
      </c>
      <c r="E35" s="25">
        <v>294</v>
      </c>
      <c r="F35" s="25">
        <v>2975</v>
      </c>
      <c r="G35" s="25">
        <v>8431</v>
      </c>
      <c r="H35" s="25">
        <v>662</v>
      </c>
      <c r="I35" s="25">
        <v>19120</v>
      </c>
      <c r="J35" s="25">
        <v>36</v>
      </c>
      <c r="K35" s="25">
        <v>682</v>
      </c>
      <c r="L35" s="25">
        <v>287</v>
      </c>
      <c r="M35" s="25">
        <v>0</v>
      </c>
      <c r="N35" s="25">
        <v>298774</v>
      </c>
      <c r="O35" s="25">
        <v>4724</v>
      </c>
      <c r="P35" s="38">
        <v>303498</v>
      </c>
      <c r="S35" s="16"/>
    </row>
    <row r="36" spans="1:19" ht="12" customHeight="1" x14ac:dyDescent="0.15">
      <c r="A36" s="12" t="s">
        <v>29</v>
      </c>
      <c r="B36" s="32">
        <v>20753825</v>
      </c>
      <c r="C36" s="25">
        <v>1194362</v>
      </c>
      <c r="D36" s="25">
        <v>22922</v>
      </c>
      <c r="E36" s="25">
        <v>1283</v>
      </c>
      <c r="F36" s="25">
        <v>9492</v>
      </c>
      <c r="G36" s="25">
        <v>35063</v>
      </c>
      <c r="H36" s="25">
        <v>152</v>
      </c>
      <c r="I36" s="25">
        <v>68912</v>
      </c>
      <c r="J36" s="25">
        <v>122</v>
      </c>
      <c r="K36" s="25">
        <v>2293</v>
      </c>
      <c r="L36" s="25">
        <v>1299</v>
      </c>
      <c r="M36" s="25">
        <v>61</v>
      </c>
      <c r="N36" s="25">
        <v>1102805</v>
      </c>
      <c r="O36" s="25">
        <v>18870</v>
      </c>
      <c r="P36" s="38">
        <v>1121675</v>
      </c>
      <c r="S36" s="16"/>
    </row>
    <row r="37" spans="1:19" ht="12" customHeight="1" x14ac:dyDescent="0.15">
      <c r="A37" s="12" t="s">
        <v>30</v>
      </c>
      <c r="B37" s="33">
        <v>35059898</v>
      </c>
      <c r="C37" s="25">
        <v>2069099</v>
      </c>
      <c r="D37" s="25">
        <v>40222</v>
      </c>
      <c r="E37" s="25">
        <v>763</v>
      </c>
      <c r="F37" s="25">
        <v>42373</v>
      </c>
      <c r="G37" s="25">
        <v>36494</v>
      </c>
      <c r="H37" s="25">
        <v>0</v>
      </c>
      <c r="I37" s="25">
        <v>119852</v>
      </c>
      <c r="J37" s="25">
        <v>306</v>
      </c>
      <c r="K37" s="25">
        <v>1115</v>
      </c>
      <c r="L37" s="25">
        <v>3519</v>
      </c>
      <c r="M37" s="25">
        <v>74</v>
      </c>
      <c r="N37" s="25">
        <v>1872825</v>
      </c>
      <c r="O37" s="25">
        <v>71408</v>
      </c>
      <c r="P37" s="38">
        <v>1944233</v>
      </c>
      <c r="S37" s="16"/>
    </row>
    <row r="38" spans="1:19" ht="12" customHeight="1" x14ac:dyDescent="0.15">
      <c r="A38" s="2" t="s">
        <v>31</v>
      </c>
      <c r="B38" s="41">
        <v>2401420</v>
      </c>
      <c r="C38" s="42">
        <v>143216</v>
      </c>
      <c r="D38" s="42">
        <v>2856</v>
      </c>
      <c r="E38" s="42">
        <v>75</v>
      </c>
      <c r="F38" s="42">
        <v>2103</v>
      </c>
      <c r="G38" s="42">
        <v>3066</v>
      </c>
      <c r="H38" s="42">
        <v>0</v>
      </c>
      <c r="I38" s="42">
        <v>8100</v>
      </c>
      <c r="J38" s="42">
        <v>33</v>
      </c>
      <c r="K38" s="42">
        <v>26</v>
      </c>
      <c r="L38" s="42">
        <v>56</v>
      </c>
      <c r="M38" s="42">
        <v>0</v>
      </c>
      <c r="N38" s="42">
        <v>132212</v>
      </c>
      <c r="O38" s="42">
        <v>2789</v>
      </c>
      <c r="P38" s="43">
        <v>135001</v>
      </c>
      <c r="S38" s="16"/>
    </row>
    <row r="39" spans="1:19" ht="19.5" customHeight="1" x14ac:dyDescent="0.2">
      <c r="A39" s="2" t="s">
        <v>37</v>
      </c>
      <c r="B39" s="36">
        <v>12953819093</v>
      </c>
      <c r="C39" s="36">
        <v>928198796</v>
      </c>
      <c r="D39" s="36">
        <v>10859014</v>
      </c>
      <c r="E39" s="36">
        <v>828872</v>
      </c>
      <c r="F39" s="36">
        <v>12011832</v>
      </c>
      <c r="G39" s="36">
        <v>44896708</v>
      </c>
      <c r="H39" s="36">
        <v>383806</v>
      </c>
      <c r="I39" s="36">
        <v>68980232</v>
      </c>
      <c r="J39" s="36">
        <v>34300</v>
      </c>
      <c r="K39" s="36">
        <v>868452</v>
      </c>
      <c r="L39" s="36">
        <v>1607218</v>
      </c>
      <c r="M39" s="36">
        <v>20505</v>
      </c>
      <c r="N39" s="36">
        <v>845061130</v>
      </c>
      <c r="O39" s="36">
        <v>11626959</v>
      </c>
      <c r="P39" s="36">
        <v>856688089</v>
      </c>
      <c r="S39" s="16"/>
    </row>
    <row r="40" spans="1:19" ht="12" customHeight="1" x14ac:dyDescent="0.2">
      <c r="A40" s="3" t="s">
        <v>90</v>
      </c>
    </row>
    <row r="41" spans="1:19" ht="12" customHeight="1" x14ac:dyDescent="0.2"/>
    <row r="42" spans="1:19" ht="12" customHeight="1" x14ac:dyDescent="0.2"/>
    <row r="43" spans="1:19" ht="12" customHeight="1" x14ac:dyDescent="0.2"/>
  </sheetData>
  <mergeCells count="17">
    <mergeCell ref="N2:P2"/>
    <mergeCell ref="I3:I5"/>
    <mergeCell ref="J2:J5"/>
    <mergeCell ref="M2:M5"/>
    <mergeCell ref="N3:N5"/>
    <mergeCell ref="O3:O5"/>
    <mergeCell ref="L2:L5"/>
    <mergeCell ref="P3:P5"/>
    <mergeCell ref="D2:I2"/>
    <mergeCell ref="D3:D5"/>
    <mergeCell ref="H3:H5"/>
    <mergeCell ref="K2:K5"/>
    <mergeCell ref="E3:E5"/>
    <mergeCell ref="F3:F5"/>
    <mergeCell ref="G3:G5"/>
    <mergeCell ref="B2:B5"/>
    <mergeCell ref="C2:C5"/>
  </mergeCells>
  <phoneticPr fontId="2"/>
  <pageMargins left="0.78740157480314965" right="0.78740157480314965" top="0.78740157480314965" bottom="0.78740157480314965" header="0.51181102362204722" footer="0.31496062992125984"/>
  <pageSetup paperSize="9" scale="82" firstPageNumber="189" orientation="landscape" blackAndWhite="1" useFirstPageNumber="1" horizontalDpi="300" verticalDpi="300" r:id="rId1"/>
  <headerFooter alignWithMargins="0"/>
  <colBreaks count="1" manualBreakCount="1">
    <brk id="16" max="1048575" man="1"/>
  </col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45"/>
  <sheetViews>
    <sheetView workbookViewId="0">
      <pane xSplit="1" ySplit="7" topLeftCell="B8" activePane="bottomRight" state="frozen"/>
      <selection pane="topRight"/>
      <selection pane="bottomLeft"/>
      <selection pane="bottomRight"/>
    </sheetView>
  </sheetViews>
  <sheetFormatPr defaultColWidth="12.6328125" defaultRowHeight="11.15" customHeight="1" x14ac:dyDescent="0.2"/>
  <cols>
    <col min="1" max="1" width="10.90625" style="3" customWidth="1"/>
    <col min="2" max="3" width="10.6328125" style="3" customWidth="1"/>
    <col min="4" max="4" width="9.6328125" style="3" customWidth="1"/>
    <col min="5" max="5" width="13.90625" style="3" customWidth="1"/>
    <col min="6" max="12" width="11.90625" style="3" customWidth="1"/>
    <col min="13" max="13" width="12.81640625" style="3" customWidth="1"/>
    <col min="14" max="26" width="9" style="45" customWidth="1"/>
    <col min="27" max="16384" width="12.6328125" style="3"/>
  </cols>
  <sheetData>
    <row r="1" spans="1:26" ht="15.75" customHeight="1" x14ac:dyDescent="0.2">
      <c r="A1" s="5" t="s">
        <v>91</v>
      </c>
      <c r="B1" s="6"/>
      <c r="C1" s="6"/>
      <c r="D1" s="6"/>
      <c r="E1" s="6"/>
      <c r="F1" s="6"/>
      <c r="G1" s="6"/>
      <c r="H1" s="6"/>
      <c r="I1" s="6"/>
      <c r="J1" s="6"/>
      <c r="K1" s="6"/>
      <c r="L1" s="6"/>
      <c r="M1" s="6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</row>
    <row r="2" spans="1:26" ht="13.5" customHeight="1" x14ac:dyDescent="0.2">
      <c r="A2" s="4"/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</row>
    <row r="3" spans="1:26" ht="12" customHeight="1" x14ac:dyDescent="0.2"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32</v>
      </c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</row>
    <row r="4" spans="1:26" ht="12" customHeight="1" x14ac:dyDescent="0.2">
      <c r="A4" s="8" t="s">
        <v>33</v>
      </c>
      <c r="B4" s="80" t="s">
        <v>73</v>
      </c>
      <c r="C4" s="81"/>
      <c r="D4" s="82"/>
      <c r="E4" s="68" t="s">
        <v>49</v>
      </c>
      <c r="F4" s="76" t="s">
        <v>87</v>
      </c>
      <c r="G4" s="54" t="s">
        <v>50</v>
      </c>
      <c r="H4" s="54" t="s">
        <v>51</v>
      </c>
      <c r="I4" s="54" t="s">
        <v>85</v>
      </c>
      <c r="J4" s="54" t="s">
        <v>84</v>
      </c>
      <c r="K4" s="54" t="s">
        <v>72</v>
      </c>
      <c r="L4" s="54" t="s">
        <v>52</v>
      </c>
      <c r="M4" s="68" t="s">
        <v>53</v>
      </c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</row>
    <row r="5" spans="1:26" ht="12" customHeight="1" x14ac:dyDescent="0.2">
      <c r="A5" s="9"/>
      <c r="B5" s="46" t="s">
        <v>69</v>
      </c>
      <c r="C5" s="46" t="s">
        <v>70</v>
      </c>
      <c r="D5" s="46" t="s">
        <v>34</v>
      </c>
      <c r="E5" s="69"/>
      <c r="F5" s="91"/>
      <c r="G5" s="74"/>
      <c r="H5" s="74"/>
      <c r="I5" s="74"/>
      <c r="J5" s="74"/>
      <c r="K5" s="74"/>
      <c r="L5" s="74"/>
      <c r="M5" s="69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</row>
    <row r="6" spans="1:26" ht="12" customHeight="1" x14ac:dyDescent="0.2">
      <c r="A6" s="9"/>
      <c r="B6" s="47"/>
      <c r="C6" s="47"/>
      <c r="D6" s="47"/>
      <c r="E6" s="69"/>
      <c r="F6" s="91"/>
      <c r="G6" s="74"/>
      <c r="H6" s="74"/>
      <c r="I6" s="74"/>
      <c r="J6" s="74"/>
      <c r="K6" s="74"/>
      <c r="L6" s="74"/>
      <c r="M6" s="69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  <c r="Z6" s="3"/>
    </row>
    <row r="7" spans="1:26" ht="12" customHeight="1" x14ac:dyDescent="0.2">
      <c r="A7" s="10" t="s">
        <v>35</v>
      </c>
      <c r="B7" s="47"/>
      <c r="C7" s="47"/>
      <c r="D7" s="47"/>
      <c r="E7" s="70"/>
      <c r="F7" s="92"/>
      <c r="G7" s="75"/>
      <c r="H7" s="75"/>
      <c r="I7" s="75"/>
      <c r="J7" s="75"/>
      <c r="K7" s="75"/>
      <c r="L7" s="75"/>
      <c r="M7" s="70"/>
      <c r="N7" s="3"/>
      <c r="O7" s="3"/>
      <c r="P7" s="3"/>
      <c r="Q7" s="3"/>
      <c r="R7" s="3"/>
      <c r="S7" s="3"/>
      <c r="T7" s="3"/>
      <c r="U7" s="3"/>
      <c r="V7" s="3"/>
      <c r="W7" s="3"/>
      <c r="X7" s="3"/>
      <c r="Y7" s="3"/>
      <c r="Z7" s="3"/>
    </row>
    <row r="8" spans="1:26" ht="12" customHeight="1" x14ac:dyDescent="0.15">
      <c r="A8" s="11" t="s">
        <v>36</v>
      </c>
      <c r="B8" s="27">
        <v>1871883</v>
      </c>
      <c r="C8" s="27">
        <v>49060</v>
      </c>
      <c r="D8" s="27">
        <v>1920943</v>
      </c>
      <c r="E8" s="27">
        <v>7902698569</v>
      </c>
      <c r="F8" s="88"/>
      <c r="G8" s="27">
        <v>200011489</v>
      </c>
      <c r="H8" s="27">
        <v>2524056</v>
      </c>
      <c r="I8" s="27">
        <v>69150599</v>
      </c>
      <c r="J8" s="27">
        <v>55843475</v>
      </c>
      <c r="K8" s="27">
        <v>5301971</v>
      </c>
      <c r="L8" s="27">
        <v>5066405</v>
      </c>
      <c r="M8" s="27">
        <v>2540083631</v>
      </c>
      <c r="N8" s="3"/>
      <c r="O8" s="3"/>
      <c r="P8" s="3"/>
      <c r="Q8" s="3"/>
      <c r="R8" s="3"/>
      <c r="S8" s="3"/>
      <c r="T8" s="3"/>
      <c r="U8" s="3"/>
      <c r="V8" s="3"/>
      <c r="W8" s="3"/>
      <c r="X8" s="3"/>
      <c r="Y8" s="3"/>
      <c r="Z8" s="3"/>
    </row>
    <row r="9" spans="1:26" ht="12" customHeight="1" x14ac:dyDescent="0.15">
      <c r="A9" s="12" t="s">
        <v>0</v>
      </c>
      <c r="B9" s="25">
        <v>783936</v>
      </c>
      <c r="C9" s="25">
        <v>46740</v>
      </c>
      <c r="D9" s="25">
        <v>830676</v>
      </c>
      <c r="E9" s="25">
        <v>3408255560</v>
      </c>
      <c r="F9" s="89"/>
      <c r="G9" s="25">
        <v>84457558</v>
      </c>
      <c r="H9" s="25">
        <v>690729</v>
      </c>
      <c r="I9" s="25">
        <v>16763075</v>
      </c>
      <c r="J9" s="25">
        <v>20496984</v>
      </c>
      <c r="K9" s="25">
        <v>2129887</v>
      </c>
      <c r="L9" s="25">
        <v>2286673</v>
      </c>
      <c r="M9" s="25">
        <v>1083118178</v>
      </c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  <c r="Z9" s="3"/>
    </row>
    <row r="10" spans="1:26" ht="12" customHeight="1" x14ac:dyDescent="0.15">
      <c r="A10" s="12" t="s">
        <v>8</v>
      </c>
      <c r="B10" s="25">
        <v>330288</v>
      </c>
      <c r="C10" s="25">
        <v>27788</v>
      </c>
      <c r="D10" s="25">
        <v>358076</v>
      </c>
      <c r="E10" s="25">
        <v>1232964731</v>
      </c>
      <c r="F10" s="89"/>
      <c r="G10" s="25">
        <v>30131048</v>
      </c>
      <c r="H10" s="25">
        <v>239340</v>
      </c>
      <c r="I10" s="25">
        <v>4097603</v>
      </c>
      <c r="J10" s="25">
        <v>8044008</v>
      </c>
      <c r="K10" s="25">
        <v>405969</v>
      </c>
      <c r="L10" s="25">
        <v>475564</v>
      </c>
      <c r="M10" s="25">
        <v>446579632</v>
      </c>
      <c r="N10" s="3"/>
      <c r="O10" s="3"/>
      <c r="P10" s="3"/>
      <c r="Q10" s="3"/>
      <c r="R10" s="3"/>
      <c r="S10" s="3"/>
      <c r="T10" s="3"/>
      <c r="U10" s="3"/>
      <c r="V10" s="3"/>
      <c r="W10" s="3"/>
      <c r="X10" s="3"/>
      <c r="Y10" s="3"/>
      <c r="Z10" s="3"/>
    </row>
    <row r="11" spans="1:26" ht="12" customHeight="1" x14ac:dyDescent="0.15">
      <c r="A11" s="11" t="s">
        <v>1</v>
      </c>
      <c r="B11" s="27">
        <v>176654</v>
      </c>
      <c r="C11" s="27">
        <v>12925</v>
      </c>
      <c r="D11" s="27">
        <v>189579</v>
      </c>
      <c r="E11" s="27">
        <v>626526662</v>
      </c>
      <c r="F11" s="89"/>
      <c r="G11" s="27">
        <v>9134318</v>
      </c>
      <c r="H11" s="27">
        <v>204589</v>
      </c>
      <c r="I11" s="27">
        <v>1390568</v>
      </c>
      <c r="J11" s="27">
        <v>1873546</v>
      </c>
      <c r="K11" s="27">
        <v>333840</v>
      </c>
      <c r="L11" s="27">
        <v>218820</v>
      </c>
      <c r="M11" s="27">
        <v>234968049</v>
      </c>
      <c r="N11" s="3"/>
      <c r="O11" s="3"/>
      <c r="P11" s="3"/>
      <c r="Q11" s="3"/>
      <c r="R11" s="3"/>
      <c r="S11" s="3"/>
      <c r="T11" s="3"/>
      <c r="U11" s="3"/>
      <c r="V11" s="3"/>
      <c r="W11" s="3"/>
      <c r="X11" s="3"/>
      <c r="Y11" s="3"/>
      <c r="Z11" s="3"/>
    </row>
    <row r="12" spans="1:26" ht="12" customHeight="1" x14ac:dyDescent="0.15">
      <c r="A12" s="12" t="s">
        <v>2</v>
      </c>
      <c r="B12" s="25">
        <v>113813</v>
      </c>
      <c r="C12" s="25">
        <v>10253</v>
      </c>
      <c r="D12" s="25">
        <v>124066</v>
      </c>
      <c r="E12" s="25">
        <v>422642043</v>
      </c>
      <c r="F12" s="89"/>
      <c r="G12" s="25">
        <v>7782954</v>
      </c>
      <c r="H12" s="25">
        <v>108096</v>
      </c>
      <c r="I12" s="25">
        <v>2551758</v>
      </c>
      <c r="J12" s="25">
        <v>1698391</v>
      </c>
      <c r="K12" s="25">
        <v>199375</v>
      </c>
      <c r="L12" s="25">
        <v>124405</v>
      </c>
      <c r="M12" s="25">
        <v>155288327</v>
      </c>
      <c r="N12" s="3"/>
      <c r="O12" s="3"/>
      <c r="P12" s="3"/>
      <c r="Q12" s="3"/>
      <c r="R12" s="3"/>
      <c r="S12" s="3"/>
      <c r="T12" s="3"/>
      <c r="U12" s="3"/>
      <c r="V12" s="3"/>
      <c r="W12" s="3"/>
      <c r="X12" s="3"/>
      <c r="Y12" s="3"/>
      <c r="Z12" s="3"/>
    </row>
    <row r="13" spans="1:26" ht="12" customHeight="1" x14ac:dyDescent="0.15">
      <c r="A13" s="12" t="s">
        <v>3</v>
      </c>
      <c r="B13" s="25">
        <v>82183</v>
      </c>
      <c r="C13" s="25">
        <v>5473</v>
      </c>
      <c r="D13" s="25">
        <v>87656</v>
      </c>
      <c r="E13" s="25">
        <v>403065048</v>
      </c>
      <c r="F13" s="89"/>
      <c r="G13" s="25">
        <v>16001533</v>
      </c>
      <c r="H13" s="25">
        <v>283267</v>
      </c>
      <c r="I13" s="25">
        <v>12693875</v>
      </c>
      <c r="J13" s="25">
        <v>25297535</v>
      </c>
      <c r="K13" s="25">
        <v>1070610</v>
      </c>
      <c r="L13" s="25">
        <v>306414</v>
      </c>
      <c r="M13" s="25">
        <v>119680621</v>
      </c>
      <c r="N13" s="3"/>
      <c r="O13" s="3"/>
      <c r="P13" s="3"/>
      <c r="Q13" s="3"/>
      <c r="R13" s="3"/>
      <c r="S13" s="3"/>
      <c r="T13" s="3"/>
      <c r="U13" s="3"/>
      <c r="V13" s="3"/>
      <c r="W13" s="3"/>
      <c r="X13" s="3"/>
      <c r="Y13" s="3"/>
      <c r="Z13" s="3"/>
    </row>
    <row r="14" spans="1:26" ht="12" customHeight="1" x14ac:dyDescent="0.15">
      <c r="A14" s="12" t="s">
        <v>4</v>
      </c>
      <c r="B14" s="25">
        <v>205108</v>
      </c>
      <c r="C14" s="25">
        <v>16590</v>
      </c>
      <c r="D14" s="25">
        <v>221698</v>
      </c>
      <c r="E14" s="25">
        <v>888659564</v>
      </c>
      <c r="F14" s="89"/>
      <c r="G14" s="25">
        <v>30233316</v>
      </c>
      <c r="H14" s="25">
        <v>295536</v>
      </c>
      <c r="I14" s="25">
        <v>7744322</v>
      </c>
      <c r="J14" s="25">
        <v>5034079</v>
      </c>
      <c r="K14" s="25">
        <v>716863</v>
      </c>
      <c r="L14" s="25">
        <v>451474</v>
      </c>
      <c r="M14" s="25">
        <v>291174315</v>
      </c>
      <c r="N14" s="3"/>
      <c r="O14" s="3"/>
      <c r="P14" s="3"/>
      <c r="Q14" s="3"/>
      <c r="R14" s="3"/>
      <c r="S14" s="3"/>
      <c r="T14" s="3"/>
      <c r="U14" s="3"/>
      <c r="V14" s="3"/>
      <c r="W14" s="3"/>
      <c r="X14" s="3"/>
      <c r="Y14" s="3"/>
      <c r="Z14" s="3"/>
    </row>
    <row r="15" spans="1:26" ht="12" customHeight="1" x14ac:dyDescent="0.15">
      <c r="A15" s="12" t="s">
        <v>5</v>
      </c>
      <c r="B15" s="25">
        <v>85090</v>
      </c>
      <c r="C15" s="25">
        <v>7362</v>
      </c>
      <c r="D15" s="25">
        <v>92452</v>
      </c>
      <c r="E15" s="25">
        <v>311657023</v>
      </c>
      <c r="F15" s="89"/>
      <c r="G15" s="25">
        <v>7279720</v>
      </c>
      <c r="H15" s="25">
        <v>67274</v>
      </c>
      <c r="I15" s="25">
        <v>908224</v>
      </c>
      <c r="J15" s="25">
        <v>2908163</v>
      </c>
      <c r="K15" s="25">
        <v>232938</v>
      </c>
      <c r="L15" s="25">
        <v>139185</v>
      </c>
      <c r="M15" s="25">
        <v>115187496</v>
      </c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</row>
    <row r="16" spans="1:26" ht="12" customHeight="1" x14ac:dyDescent="0.15">
      <c r="A16" s="13" t="s">
        <v>6</v>
      </c>
      <c r="B16" s="29">
        <v>109027</v>
      </c>
      <c r="C16" s="29">
        <v>10668</v>
      </c>
      <c r="D16" s="29">
        <v>119695</v>
      </c>
      <c r="E16" s="29">
        <v>450861209</v>
      </c>
      <c r="F16" s="89"/>
      <c r="G16" s="29">
        <v>26285740</v>
      </c>
      <c r="H16" s="29">
        <v>110038</v>
      </c>
      <c r="I16" s="29">
        <v>3489941</v>
      </c>
      <c r="J16" s="29">
        <v>2616887</v>
      </c>
      <c r="K16" s="29">
        <v>390742</v>
      </c>
      <c r="L16" s="29">
        <v>197925</v>
      </c>
      <c r="M16" s="29">
        <v>156139814</v>
      </c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</row>
    <row r="17" spans="1:26" ht="12" customHeight="1" x14ac:dyDescent="0.15">
      <c r="A17" s="14" t="s">
        <v>7</v>
      </c>
      <c r="B17" s="25">
        <v>26713</v>
      </c>
      <c r="C17" s="25">
        <v>2007</v>
      </c>
      <c r="D17" s="25">
        <v>28720</v>
      </c>
      <c r="E17" s="25">
        <v>123482647</v>
      </c>
      <c r="F17" s="89"/>
      <c r="G17" s="25">
        <v>4368784</v>
      </c>
      <c r="H17" s="25">
        <v>67439</v>
      </c>
      <c r="I17" s="25">
        <v>2697292</v>
      </c>
      <c r="J17" s="25">
        <v>3716834</v>
      </c>
      <c r="K17" s="25">
        <v>491385</v>
      </c>
      <c r="L17" s="25">
        <v>153519</v>
      </c>
      <c r="M17" s="25">
        <v>38673429</v>
      </c>
      <c r="N17" s="3"/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</row>
    <row r="18" spans="1:26" ht="12" customHeight="1" x14ac:dyDescent="0.15">
      <c r="A18" s="12" t="s">
        <v>9</v>
      </c>
      <c r="B18" s="25">
        <v>17980</v>
      </c>
      <c r="C18" s="25">
        <v>1384</v>
      </c>
      <c r="D18" s="25">
        <v>19364</v>
      </c>
      <c r="E18" s="25">
        <v>58380147</v>
      </c>
      <c r="F18" s="89"/>
      <c r="G18" s="25">
        <v>1216380</v>
      </c>
      <c r="H18" s="25">
        <v>10462</v>
      </c>
      <c r="I18" s="25">
        <v>264034</v>
      </c>
      <c r="J18" s="25">
        <v>124412</v>
      </c>
      <c r="K18" s="25">
        <v>11533</v>
      </c>
      <c r="L18" s="25">
        <v>5810</v>
      </c>
      <c r="M18" s="25">
        <v>22852297</v>
      </c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</row>
    <row r="19" spans="1:26" ht="12" customHeight="1" x14ac:dyDescent="0.15">
      <c r="A19" s="12" t="s">
        <v>10</v>
      </c>
      <c r="B19" s="25">
        <v>70317</v>
      </c>
      <c r="C19" s="25">
        <v>6330</v>
      </c>
      <c r="D19" s="25">
        <v>76647</v>
      </c>
      <c r="E19" s="25">
        <v>248470867</v>
      </c>
      <c r="F19" s="89"/>
      <c r="G19" s="25">
        <v>5025736</v>
      </c>
      <c r="H19" s="25">
        <v>21279</v>
      </c>
      <c r="I19" s="25">
        <v>573093</v>
      </c>
      <c r="J19" s="25">
        <v>1083688</v>
      </c>
      <c r="K19" s="25">
        <v>110799</v>
      </c>
      <c r="L19" s="25">
        <v>61303</v>
      </c>
      <c r="M19" s="25">
        <v>94770490</v>
      </c>
      <c r="N19" s="3"/>
      <c r="O19" s="3"/>
      <c r="P19" s="3"/>
      <c r="Q19" s="3"/>
      <c r="R19" s="3"/>
      <c r="S19" s="3"/>
      <c r="T19" s="3"/>
      <c r="U19" s="3"/>
      <c r="V19" s="3"/>
      <c r="W19" s="3"/>
      <c r="X19" s="3"/>
      <c r="Y19" s="3"/>
      <c r="Z19" s="3"/>
    </row>
    <row r="20" spans="1:26" ht="12" customHeight="1" x14ac:dyDescent="0.15">
      <c r="A20" s="12" t="s">
        <v>11</v>
      </c>
      <c r="B20" s="25">
        <v>104077</v>
      </c>
      <c r="C20" s="25">
        <v>8194</v>
      </c>
      <c r="D20" s="25">
        <v>112271</v>
      </c>
      <c r="E20" s="25">
        <v>395352041</v>
      </c>
      <c r="F20" s="89"/>
      <c r="G20" s="25">
        <v>13385984</v>
      </c>
      <c r="H20" s="25">
        <v>93176</v>
      </c>
      <c r="I20" s="25">
        <v>1383927</v>
      </c>
      <c r="J20" s="25">
        <v>1131272</v>
      </c>
      <c r="K20" s="25">
        <v>149712</v>
      </c>
      <c r="L20" s="25">
        <v>151144</v>
      </c>
      <c r="M20" s="25">
        <v>140308214</v>
      </c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</row>
    <row r="21" spans="1:26" ht="12" customHeight="1" x14ac:dyDescent="0.15">
      <c r="A21" s="13" t="s">
        <v>12</v>
      </c>
      <c r="B21" s="29">
        <v>113592</v>
      </c>
      <c r="C21" s="29">
        <v>10678</v>
      </c>
      <c r="D21" s="29">
        <v>124270</v>
      </c>
      <c r="E21" s="29">
        <v>438491211</v>
      </c>
      <c r="F21" s="89"/>
      <c r="G21" s="29">
        <v>13476998</v>
      </c>
      <c r="H21" s="29">
        <v>83104</v>
      </c>
      <c r="I21" s="29">
        <v>717627</v>
      </c>
      <c r="J21" s="29">
        <v>1996780</v>
      </c>
      <c r="K21" s="29">
        <v>211551</v>
      </c>
      <c r="L21" s="29">
        <v>186009</v>
      </c>
      <c r="M21" s="29">
        <v>154918578</v>
      </c>
      <c r="N21" s="3"/>
      <c r="O21" s="3"/>
      <c r="P21" s="3"/>
      <c r="Q21" s="3"/>
      <c r="R21" s="3"/>
      <c r="S21" s="3"/>
      <c r="T21" s="3"/>
      <c r="U21" s="3"/>
      <c r="V21" s="3"/>
      <c r="W21" s="3"/>
      <c r="X21" s="3"/>
      <c r="Y21" s="3"/>
      <c r="Z21" s="3"/>
    </row>
    <row r="22" spans="1:26" ht="12" customHeight="1" x14ac:dyDescent="0.15">
      <c r="A22" s="14" t="s">
        <v>13</v>
      </c>
      <c r="B22" s="25">
        <v>46683</v>
      </c>
      <c r="C22" s="25">
        <v>3937</v>
      </c>
      <c r="D22" s="25">
        <v>50620</v>
      </c>
      <c r="E22" s="25">
        <v>176974832</v>
      </c>
      <c r="F22" s="89"/>
      <c r="G22" s="25">
        <v>3731886</v>
      </c>
      <c r="H22" s="25">
        <v>21106</v>
      </c>
      <c r="I22" s="25">
        <v>174663</v>
      </c>
      <c r="J22" s="25">
        <v>949596</v>
      </c>
      <c r="K22" s="25">
        <v>47216</v>
      </c>
      <c r="L22" s="25">
        <v>121723</v>
      </c>
      <c r="M22" s="25">
        <v>63730316</v>
      </c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</row>
    <row r="23" spans="1:26" ht="12" customHeight="1" x14ac:dyDescent="0.15">
      <c r="A23" s="12" t="s">
        <v>14</v>
      </c>
      <c r="B23" s="25">
        <v>62690</v>
      </c>
      <c r="C23" s="25">
        <v>6108</v>
      </c>
      <c r="D23" s="25">
        <v>68798</v>
      </c>
      <c r="E23" s="25">
        <v>254112268</v>
      </c>
      <c r="F23" s="89"/>
      <c r="G23" s="25">
        <v>6379429</v>
      </c>
      <c r="H23" s="25">
        <v>138482</v>
      </c>
      <c r="I23" s="25">
        <v>176590</v>
      </c>
      <c r="J23" s="25">
        <v>676217</v>
      </c>
      <c r="K23" s="25">
        <v>151040</v>
      </c>
      <c r="L23" s="25">
        <v>92965</v>
      </c>
      <c r="M23" s="25">
        <v>88780230</v>
      </c>
      <c r="N23" s="3"/>
      <c r="O23" s="3"/>
      <c r="P23" s="3"/>
      <c r="Q23" s="3"/>
      <c r="R23" s="3"/>
      <c r="S23" s="3"/>
      <c r="T23" s="3"/>
      <c r="U23" s="3"/>
      <c r="V23" s="3"/>
      <c r="W23" s="3"/>
      <c r="X23" s="3"/>
      <c r="Y23" s="3"/>
      <c r="Z23" s="3"/>
    </row>
    <row r="24" spans="1:26" ht="12" customHeight="1" x14ac:dyDescent="0.15">
      <c r="A24" s="12" t="s">
        <v>15</v>
      </c>
      <c r="B24" s="25">
        <v>59768</v>
      </c>
      <c r="C24" s="25">
        <v>6001</v>
      </c>
      <c r="D24" s="25">
        <v>65769</v>
      </c>
      <c r="E24" s="25">
        <v>217581117</v>
      </c>
      <c r="F24" s="89"/>
      <c r="G24" s="25">
        <v>4493132</v>
      </c>
      <c r="H24" s="25">
        <v>257412</v>
      </c>
      <c r="I24" s="25">
        <v>563193</v>
      </c>
      <c r="J24" s="25">
        <v>620109</v>
      </c>
      <c r="K24" s="25">
        <v>58993</v>
      </c>
      <c r="L24" s="25">
        <v>114150</v>
      </c>
      <c r="M24" s="25">
        <v>81215359</v>
      </c>
      <c r="N24" s="3"/>
      <c r="O24" s="3"/>
      <c r="P24" s="3"/>
      <c r="Q24" s="3"/>
      <c r="R24" s="3"/>
      <c r="S24" s="3"/>
      <c r="T24" s="3"/>
      <c r="U24" s="3"/>
      <c r="V24" s="3"/>
      <c r="W24" s="3"/>
      <c r="X24" s="3"/>
      <c r="Y24" s="3"/>
      <c r="Z24" s="3"/>
    </row>
    <row r="25" spans="1:26" ht="12" customHeight="1" x14ac:dyDescent="0.15">
      <c r="A25" s="12" t="s">
        <v>16</v>
      </c>
      <c r="B25" s="25">
        <v>18472</v>
      </c>
      <c r="C25" s="25">
        <v>1685</v>
      </c>
      <c r="D25" s="25">
        <v>20157</v>
      </c>
      <c r="E25" s="25">
        <v>62526220</v>
      </c>
      <c r="F25" s="89"/>
      <c r="G25" s="25">
        <v>1130886</v>
      </c>
      <c r="H25" s="25">
        <v>2665</v>
      </c>
      <c r="I25" s="25">
        <v>47754</v>
      </c>
      <c r="J25" s="25">
        <v>219368</v>
      </c>
      <c r="K25" s="25">
        <v>43938</v>
      </c>
      <c r="L25" s="25">
        <v>7738</v>
      </c>
      <c r="M25" s="25">
        <v>24989699</v>
      </c>
      <c r="N25" s="3"/>
      <c r="O25" s="3"/>
      <c r="P25" s="3"/>
      <c r="Q25" s="3"/>
      <c r="R25" s="3"/>
      <c r="S25" s="3"/>
      <c r="T25" s="3"/>
      <c r="U25" s="3"/>
      <c r="V25" s="3"/>
      <c r="W25" s="3"/>
      <c r="X25" s="3"/>
      <c r="Y25" s="3"/>
      <c r="Z25" s="3"/>
    </row>
    <row r="26" spans="1:26" ht="12" customHeight="1" x14ac:dyDescent="0.15">
      <c r="A26" s="2" t="s">
        <v>17</v>
      </c>
      <c r="B26" s="25">
        <v>36217</v>
      </c>
      <c r="C26" s="25">
        <v>3791</v>
      </c>
      <c r="D26" s="25">
        <v>40008</v>
      </c>
      <c r="E26" s="25">
        <v>129989526</v>
      </c>
      <c r="F26" s="89"/>
      <c r="G26" s="25">
        <v>2647286</v>
      </c>
      <c r="H26" s="25">
        <v>10363</v>
      </c>
      <c r="I26" s="25">
        <v>748819</v>
      </c>
      <c r="J26" s="25">
        <v>360997</v>
      </c>
      <c r="K26" s="25">
        <v>126728</v>
      </c>
      <c r="L26" s="25">
        <v>45800</v>
      </c>
      <c r="M26" s="25">
        <v>49417409</v>
      </c>
      <c r="N26" s="3"/>
      <c r="O26" s="3"/>
      <c r="P26" s="3"/>
      <c r="Q26" s="3"/>
      <c r="R26" s="3"/>
      <c r="S26" s="3"/>
      <c r="T26" s="3"/>
      <c r="U26" s="3"/>
      <c r="V26" s="3"/>
      <c r="W26" s="3"/>
      <c r="X26" s="3"/>
      <c r="Y26" s="3"/>
      <c r="Z26" s="3"/>
    </row>
    <row r="27" spans="1:26" ht="12" customHeight="1" x14ac:dyDescent="0.15">
      <c r="A27" s="11" t="s">
        <v>18</v>
      </c>
      <c r="B27" s="27">
        <v>14112</v>
      </c>
      <c r="C27" s="27">
        <v>1087</v>
      </c>
      <c r="D27" s="27">
        <v>15199</v>
      </c>
      <c r="E27" s="27">
        <v>67602254</v>
      </c>
      <c r="F27" s="89"/>
      <c r="G27" s="27">
        <v>2092533</v>
      </c>
      <c r="H27" s="27">
        <v>41148</v>
      </c>
      <c r="I27" s="27">
        <v>1403692</v>
      </c>
      <c r="J27" s="27">
        <v>1337408</v>
      </c>
      <c r="K27" s="27">
        <v>180898</v>
      </c>
      <c r="L27" s="27">
        <v>20948</v>
      </c>
      <c r="M27" s="27">
        <v>20491257</v>
      </c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  <c r="Z27" s="3"/>
    </row>
    <row r="28" spans="1:26" ht="12" customHeight="1" x14ac:dyDescent="0.15">
      <c r="A28" s="12" t="s">
        <v>19</v>
      </c>
      <c r="B28" s="25">
        <v>21384</v>
      </c>
      <c r="C28" s="25">
        <v>2465</v>
      </c>
      <c r="D28" s="25">
        <v>23849</v>
      </c>
      <c r="E28" s="25">
        <v>76539858</v>
      </c>
      <c r="F28" s="89"/>
      <c r="G28" s="25">
        <v>3061837</v>
      </c>
      <c r="H28" s="25">
        <v>2576</v>
      </c>
      <c r="I28" s="25">
        <v>13808</v>
      </c>
      <c r="J28" s="25">
        <v>88499</v>
      </c>
      <c r="K28" s="25">
        <v>19145</v>
      </c>
      <c r="L28" s="25">
        <v>20992</v>
      </c>
      <c r="M28" s="25">
        <v>29304018</v>
      </c>
      <c r="N28" s="3"/>
      <c r="O28" s="3"/>
      <c r="P28" s="3"/>
      <c r="Q28" s="3"/>
      <c r="R28" s="3"/>
      <c r="S28" s="3"/>
      <c r="T28" s="3"/>
      <c r="U28" s="3"/>
      <c r="V28" s="3"/>
      <c r="W28" s="3"/>
      <c r="X28" s="3"/>
      <c r="Y28" s="3"/>
      <c r="Z28" s="3"/>
    </row>
    <row r="29" spans="1:26" ht="12" customHeight="1" x14ac:dyDescent="0.15">
      <c r="A29" s="12" t="s">
        <v>20</v>
      </c>
      <c r="B29" s="25">
        <v>14058</v>
      </c>
      <c r="C29" s="25">
        <v>1184</v>
      </c>
      <c r="D29" s="25">
        <v>15242</v>
      </c>
      <c r="E29" s="25">
        <v>58574648</v>
      </c>
      <c r="F29" s="89"/>
      <c r="G29" s="25">
        <v>2993579</v>
      </c>
      <c r="H29" s="25">
        <v>3041</v>
      </c>
      <c r="I29" s="25">
        <v>603460</v>
      </c>
      <c r="J29" s="25">
        <v>544702</v>
      </c>
      <c r="K29" s="25">
        <v>40071</v>
      </c>
      <c r="L29" s="25">
        <v>27748</v>
      </c>
      <c r="M29" s="25">
        <v>19783947</v>
      </c>
      <c r="N29" s="3"/>
      <c r="O29" s="3"/>
      <c r="P29" s="3"/>
      <c r="Q29" s="3"/>
      <c r="R29" s="3"/>
      <c r="S29" s="3"/>
      <c r="T29" s="3"/>
      <c r="U29" s="3"/>
      <c r="V29" s="3"/>
      <c r="W29" s="3"/>
      <c r="X29" s="3"/>
      <c r="Y29" s="3"/>
      <c r="Z29" s="3"/>
    </row>
    <row r="30" spans="1:26" ht="12" customHeight="1" x14ac:dyDescent="0.15">
      <c r="A30" s="12" t="s">
        <v>21</v>
      </c>
      <c r="B30" s="25">
        <v>12563</v>
      </c>
      <c r="C30" s="25">
        <v>1038</v>
      </c>
      <c r="D30" s="25">
        <v>13601</v>
      </c>
      <c r="E30" s="25">
        <v>46468877</v>
      </c>
      <c r="F30" s="89"/>
      <c r="G30" s="25">
        <v>1079076</v>
      </c>
      <c r="H30" s="25">
        <v>33306</v>
      </c>
      <c r="I30" s="25">
        <v>374803</v>
      </c>
      <c r="J30" s="25">
        <v>229314</v>
      </c>
      <c r="K30" s="25">
        <v>158216</v>
      </c>
      <c r="L30" s="25">
        <v>5861</v>
      </c>
      <c r="M30" s="25">
        <v>17190277</v>
      </c>
      <c r="N30" s="3"/>
      <c r="O30" s="3"/>
      <c r="P30" s="3"/>
      <c r="Q30" s="3"/>
      <c r="R30" s="3"/>
      <c r="S30" s="3"/>
      <c r="T30" s="3"/>
      <c r="U30" s="3"/>
      <c r="V30" s="3"/>
      <c r="W30" s="3"/>
      <c r="X30" s="3"/>
      <c r="Y30" s="3"/>
      <c r="Z30" s="3"/>
    </row>
    <row r="31" spans="1:26" ht="12" customHeight="1" x14ac:dyDescent="0.15">
      <c r="A31" s="13" t="s">
        <v>22</v>
      </c>
      <c r="B31" s="29">
        <v>4086</v>
      </c>
      <c r="C31" s="29">
        <v>343</v>
      </c>
      <c r="D31" s="29">
        <v>4429</v>
      </c>
      <c r="E31" s="29">
        <v>13465824</v>
      </c>
      <c r="F31" s="89"/>
      <c r="G31" s="29">
        <v>135137</v>
      </c>
      <c r="H31" s="29">
        <v>2763</v>
      </c>
      <c r="I31" s="29">
        <v>1477</v>
      </c>
      <c r="J31" s="29">
        <v>27572</v>
      </c>
      <c r="K31" s="29">
        <v>2400</v>
      </c>
      <c r="L31" s="29">
        <v>5731</v>
      </c>
      <c r="M31" s="29">
        <v>5483633</v>
      </c>
      <c r="N31" s="3"/>
      <c r="O31" s="3"/>
      <c r="P31" s="3"/>
      <c r="Q31" s="3"/>
      <c r="R31" s="3"/>
      <c r="S31" s="3"/>
      <c r="T31" s="3"/>
      <c r="U31" s="3"/>
      <c r="V31" s="3"/>
      <c r="W31" s="3"/>
      <c r="X31" s="3"/>
      <c r="Y31" s="3"/>
      <c r="Z31" s="3"/>
    </row>
    <row r="32" spans="1:26" ht="12" customHeight="1" x14ac:dyDescent="0.15">
      <c r="A32" s="12" t="s">
        <v>23</v>
      </c>
      <c r="B32" s="25">
        <v>7630</v>
      </c>
      <c r="C32" s="25">
        <v>798</v>
      </c>
      <c r="D32" s="25">
        <v>8428</v>
      </c>
      <c r="E32" s="25">
        <v>26133407</v>
      </c>
      <c r="F32" s="89"/>
      <c r="G32" s="25">
        <v>937737</v>
      </c>
      <c r="H32" s="25">
        <v>7200</v>
      </c>
      <c r="I32" s="25">
        <v>5751</v>
      </c>
      <c r="J32" s="25">
        <v>50713</v>
      </c>
      <c r="K32" s="25">
        <v>4053</v>
      </c>
      <c r="L32" s="25">
        <v>4231</v>
      </c>
      <c r="M32" s="25">
        <v>10379095</v>
      </c>
      <c r="N32" s="3"/>
      <c r="O32" s="3"/>
      <c r="P32" s="3"/>
      <c r="Q32" s="3"/>
      <c r="R32" s="3"/>
      <c r="S32" s="3"/>
      <c r="T32" s="3"/>
      <c r="U32" s="3"/>
      <c r="V32" s="3"/>
      <c r="W32" s="3"/>
      <c r="X32" s="3"/>
      <c r="Y32" s="3"/>
      <c r="Z32" s="3"/>
    </row>
    <row r="33" spans="1:26" ht="12" customHeight="1" x14ac:dyDescent="0.15">
      <c r="A33" s="12" t="s">
        <v>24</v>
      </c>
      <c r="B33" s="25">
        <v>4816</v>
      </c>
      <c r="C33" s="25">
        <v>412</v>
      </c>
      <c r="D33" s="25">
        <v>5228</v>
      </c>
      <c r="E33" s="25">
        <v>16767105</v>
      </c>
      <c r="F33" s="89"/>
      <c r="G33" s="25">
        <v>185055</v>
      </c>
      <c r="H33" s="25">
        <v>4026</v>
      </c>
      <c r="I33" s="25">
        <v>1948</v>
      </c>
      <c r="J33" s="25">
        <v>84664</v>
      </c>
      <c r="K33" s="25">
        <v>15493</v>
      </c>
      <c r="L33" s="25">
        <v>13556</v>
      </c>
      <c r="M33" s="25">
        <v>6437584</v>
      </c>
      <c r="N33" s="3"/>
      <c r="O33" s="3"/>
      <c r="P33" s="3"/>
      <c r="Q33" s="3"/>
      <c r="R33" s="3"/>
      <c r="S33" s="3"/>
      <c r="T33" s="3"/>
      <c r="U33" s="3"/>
      <c r="V33" s="3"/>
      <c r="W33" s="3"/>
      <c r="X33" s="3"/>
      <c r="Y33" s="3"/>
      <c r="Z33" s="3"/>
    </row>
    <row r="34" spans="1:26" ht="12" customHeight="1" x14ac:dyDescent="0.15">
      <c r="A34" s="12" t="s">
        <v>25</v>
      </c>
      <c r="B34" s="25">
        <v>4372</v>
      </c>
      <c r="C34" s="25">
        <v>340</v>
      </c>
      <c r="D34" s="25">
        <v>4712</v>
      </c>
      <c r="E34" s="25">
        <v>13727723</v>
      </c>
      <c r="F34" s="89"/>
      <c r="G34" s="25">
        <v>251994</v>
      </c>
      <c r="H34" s="25">
        <v>5205</v>
      </c>
      <c r="I34" s="25">
        <v>55268</v>
      </c>
      <c r="J34" s="25">
        <v>5745</v>
      </c>
      <c r="K34" s="25">
        <v>4116</v>
      </c>
      <c r="L34" s="25">
        <v>4193</v>
      </c>
      <c r="M34" s="25">
        <v>5704060</v>
      </c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</row>
    <row r="35" spans="1:26" ht="12" customHeight="1" x14ac:dyDescent="0.15">
      <c r="A35" s="12" t="s">
        <v>26</v>
      </c>
      <c r="B35" s="25">
        <v>8031</v>
      </c>
      <c r="C35" s="25">
        <v>911</v>
      </c>
      <c r="D35" s="25">
        <v>8942</v>
      </c>
      <c r="E35" s="25">
        <v>31756703</v>
      </c>
      <c r="F35" s="89"/>
      <c r="G35" s="25">
        <v>549619</v>
      </c>
      <c r="H35" s="25">
        <v>8308</v>
      </c>
      <c r="I35" s="25">
        <v>7235</v>
      </c>
      <c r="J35" s="25">
        <v>64535</v>
      </c>
      <c r="K35" s="25">
        <v>11675</v>
      </c>
      <c r="L35" s="25">
        <v>1967</v>
      </c>
      <c r="M35" s="25">
        <v>11736546</v>
      </c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</row>
    <row r="36" spans="1:26" ht="12" customHeight="1" x14ac:dyDescent="0.15">
      <c r="A36" s="13" t="s">
        <v>27</v>
      </c>
      <c r="B36" s="29">
        <v>5869</v>
      </c>
      <c r="C36" s="29">
        <v>231</v>
      </c>
      <c r="D36" s="29">
        <v>6100</v>
      </c>
      <c r="E36" s="29">
        <v>16412600</v>
      </c>
      <c r="F36" s="89"/>
      <c r="G36" s="29">
        <v>587352</v>
      </c>
      <c r="H36" s="29">
        <v>13448</v>
      </c>
      <c r="I36" s="29">
        <v>5420</v>
      </c>
      <c r="J36" s="29">
        <v>67772</v>
      </c>
      <c r="K36" s="29">
        <v>10582</v>
      </c>
      <c r="L36" s="29">
        <v>9047</v>
      </c>
      <c r="M36" s="29">
        <v>6401947</v>
      </c>
      <c r="N36" s="3"/>
      <c r="O36" s="3"/>
      <c r="P36" s="3"/>
      <c r="Q36" s="3"/>
      <c r="R36" s="3"/>
      <c r="S36" s="3"/>
      <c r="T36" s="3"/>
      <c r="U36" s="3"/>
      <c r="V36" s="3"/>
      <c r="W36" s="3"/>
      <c r="X36" s="3"/>
      <c r="Y36" s="3"/>
      <c r="Z36" s="3"/>
    </row>
    <row r="37" spans="1:26" ht="12" customHeight="1" x14ac:dyDescent="0.15">
      <c r="A37" s="12" t="s">
        <v>28</v>
      </c>
      <c r="B37" s="25">
        <v>2863</v>
      </c>
      <c r="C37" s="25">
        <v>224</v>
      </c>
      <c r="D37" s="25">
        <v>3087</v>
      </c>
      <c r="E37" s="25">
        <v>8930815</v>
      </c>
      <c r="F37" s="89"/>
      <c r="G37" s="25">
        <v>113416</v>
      </c>
      <c r="H37" s="25">
        <v>0</v>
      </c>
      <c r="I37" s="25">
        <v>3386</v>
      </c>
      <c r="J37" s="25">
        <v>32016</v>
      </c>
      <c r="K37" s="25">
        <v>20220</v>
      </c>
      <c r="L37" s="25">
        <v>0</v>
      </c>
      <c r="M37" s="25">
        <v>3620912</v>
      </c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  <c r="Z37" s="3"/>
    </row>
    <row r="38" spans="1:26" ht="12" customHeight="1" x14ac:dyDescent="0.15">
      <c r="A38" s="12" t="s">
        <v>29</v>
      </c>
      <c r="B38" s="25">
        <v>10235</v>
      </c>
      <c r="C38" s="25">
        <v>753</v>
      </c>
      <c r="D38" s="25">
        <v>10988</v>
      </c>
      <c r="E38" s="25">
        <v>31775747</v>
      </c>
      <c r="F38" s="89"/>
      <c r="G38" s="25">
        <v>972943</v>
      </c>
      <c r="H38" s="25">
        <v>20682</v>
      </c>
      <c r="I38" s="25">
        <v>591949</v>
      </c>
      <c r="J38" s="25">
        <v>103272</v>
      </c>
      <c r="K38" s="25">
        <v>12611</v>
      </c>
      <c r="L38" s="25">
        <v>4821</v>
      </c>
      <c r="M38" s="25">
        <v>12731346</v>
      </c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  <c r="Y38" s="3"/>
      <c r="Z38" s="3"/>
    </row>
    <row r="39" spans="1:26" ht="12" customHeight="1" x14ac:dyDescent="0.15">
      <c r="A39" s="12" t="s">
        <v>30</v>
      </c>
      <c r="B39" s="25">
        <v>17757</v>
      </c>
      <c r="C39" s="25">
        <v>1733</v>
      </c>
      <c r="D39" s="25">
        <v>19490</v>
      </c>
      <c r="E39" s="25">
        <v>56463537</v>
      </c>
      <c r="F39" s="89"/>
      <c r="G39" s="25">
        <v>960322</v>
      </c>
      <c r="H39" s="25">
        <v>4395</v>
      </c>
      <c r="I39" s="25">
        <v>26424</v>
      </c>
      <c r="J39" s="25">
        <v>137926</v>
      </c>
      <c r="K39" s="25">
        <v>11402</v>
      </c>
      <c r="L39" s="25">
        <v>4793</v>
      </c>
      <c r="M39" s="25">
        <v>22548962</v>
      </c>
      <c r="N39" s="3"/>
      <c r="O39" s="3"/>
      <c r="P39" s="3"/>
      <c r="Q39" s="3"/>
      <c r="R39" s="3"/>
      <c r="S39" s="3"/>
      <c r="T39" s="3"/>
      <c r="U39" s="3"/>
      <c r="V39" s="3"/>
      <c r="W39" s="3"/>
      <c r="X39" s="3"/>
      <c r="Y39" s="3"/>
      <c r="Z39" s="3"/>
    </row>
    <row r="40" spans="1:26" ht="12" customHeight="1" x14ac:dyDescent="0.15">
      <c r="A40" s="12" t="s">
        <v>31</v>
      </c>
      <c r="B40" s="25">
        <v>1272</v>
      </c>
      <c r="C40" s="25">
        <v>79</v>
      </c>
      <c r="D40" s="25">
        <v>1351</v>
      </c>
      <c r="E40" s="25">
        <v>3956028</v>
      </c>
      <c r="F40" s="89"/>
      <c r="G40" s="25">
        <v>24744</v>
      </c>
      <c r="H40" s="25">
        <v>0</v>
      </c>
      <c r="I40" s="25">
        <v>0</v>
      </c>
      <c r="J40" s="25">
        <v>3249</v>
      </c>
      <c r="K40" s="25">
        <v>597</v>
      </c>
      <c r="L40" s="25">
        <v>0</v>
      </c>
      <c r="M40" s="25">
        <v>1583198</v>
      </c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  <c r="Y40" s="3"/>
      <c r="Z40" s="3"/>
    </row>
    <row r="41" spans="1:26" ht="19.5" customHeight="1" x14ac:dyDescent="0.2">
      <c r="A41" s="1" t="s">
        <v>37</v>
      </c>
      <c r="B41" s="35">
        <v>4443539</v>
      </c>
      <c r="C41" s="35">
        <v>248572</v>
      </c>
      <c r="D41" s="35">
        <v>4692111</v>
      </c>
      <c r="E41" s="36">
        <v>18221266411</v>
      </c>
      <c r="F41" s="90"/>
      <c r="G41" s="36">
        <v>481119521</v>
      </c>
      <c r="H41" s="36">
        <v>5374511</v>
      </c>
      <c r="I41" s="36">
        <v>129231578</v>
      </c>
      <c r="J41" s="36">
        <v>137469728</v>
      </c>
      <c r="K41" s="36">
        <v>12676569</v>
      </c>
      <c r="L41" s="36">
        <v>10330914</v>
      </c>
      <c r="M41" s="36">
        <v>6075272866</v>
      </c>
      <c r="N41" s="3"/>
      <c r="O41" s="3"/>
      <c r="P41" s="3"/>
      <c r="Q41" s="3"/>
      <c r="R41" s="3"/>
      <c r="S41" s="3"/>
      <c r="T41" s="3"/>
      <c r="U41" s="3"/>
      <c r="V41" s="3"/>
      <c r="W41" s="3"/>
      <c r="X41" s="3"/>
      <c r="Y41" s="3"/>
      <c r="Z41" s="3"/>
    </row>
    <row r="42" spans="1:26" ht="12" customHeight="1" x14ac:dyDescent="0.2">
      <c r="A42" s="3" t="s">
        <v>90</v>
      </c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  <c r="Z42" s="3"/>
    </row>
    <row r="43" spans="1:26" ht="12" customHeight="1" x14ac:dyDescent="0.2"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  <c r="Z43" s="3"/>
    </row>
    <row r="44" spans="1:26" ht="12" customHeight="1" x14ac:dyDescent="0.2"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</row>
    <row r="45" spans="1:26" ht="12" customHeight="1" x14ac:dyDescent="0.2"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  <c r="Y45" s="3"/>
      <c r="Z45" s="3"/>
    </row>
  </sheetData>
  <mergeCells count="14">
    <mergeCell ref="B5:B7"/>
    <mergeCell ref="C5:C7"/>
    <mergeCell ref="D5:D7"/>
    <mergeCell ref="B4:D4"/>
    <mergeCell ref="E4:E7"/>
    <mergeCell ref="F8:F41"/>
    <mergeCell ref="J4:J7"/>
    <mergeCell ref="K4:K7"/>
    <mergeCell ref="L4:L7"/>
    <mergeCell ref="M4:M7"/>
    <mergeCell ref="F4:F7"/>
    <mergeCell ref="G4:G7"/>
    <mergeCell ref="H4:H7"/>
    <mergeCell ref="I4:I7"/>
  </mergeCells>
  <phoneticPr fontId="2"/>
  <pageMargins left="0.78740157480314965" right="0.78740157480314965" top="0.78740157480314965" bottom="0.78740157480314965" header="0.51181102362204722" footer="0.31496062992125984"/>
  <pageSetup paperSize="9" scale="86" firstPageNumber="189" orientation="landscape" blackAndWhite="1" useFirstPageNumber="1" horizontalDpi="300" verticalDpi="300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43"/>
  <sheetViews>
    <sheetView workbookViewId="0">
      <pane xSplit="1" ySplit="5" topLeftCell="B6" activePane="bottomRight" state="frozen"/>
      <selection pane="topRight"/>
      <selection pane="bottomLeft"/>
      <selection pane="bottomRight"/>
    </sheetView>
  </sheetViews>
  <sheetFormatPr defaultColWidth="12.6328125" defaultRowHeight="11.15" customHeight="1" x14ac:dyDescent="0.2"/>
  <cols>
    <col min="1" max="1" width="12.6328125" style="3" customWidth="1"/>
    <col min="2" max="2" width="13" style="3" customWidth="1"/>
    <col min="3" max="3" width="10.6328125" style="3" customWidth="1"/>
    <col min="4" max="6" width="9.26953125" style="3" customWidth="1"/>
    <col min="7" max="7" width="10.26953125" style="3" customWidth="1"/>
    <col min="8" max="8" width="9.26953125" style="3" customWidth="1"/>
    <col min="9" max="9" width="10.26953125" style="3" customWidth="1"/>
    <col min="10" max="10" width="7" style="3" customWidth="1"/>
    <col min="11" max="11" width="9.08984375" style="3" customWidth="1"/>
    <col min="12" max="12" width="9.6328125" style="3" customWidth="1"/>
    <col min="13" max="13" width="7" style="3" bestFit="1" customWidth="1"/>
    <col min="14" max="16" width="10.6328125" style="3" customWidth="1"/>
    <col min="17" max="18" width="8.08984375" style="3" customWidth="1"/>
    <col min="19" max="16384" width="12.6328125" style="3"/>
  </cols>
  <sheetData>
    <row r="1" spans="1:21" ht="12" customHeight="1" x14ac:dyDescent="0.2">
      <c r="B1" s="6"/>
      <c r="C1" s="6"/>
      <c r="D1" s="6"/>
      <c r="E1" s="6"/>
      <c r="F1" s="6"/>
      <c r="G1" s="6"/>
      <c r="H1" s="6"/>
      <c r="I1" s="7"/>
      <c r="J1" s="7"/>
      <c r="K1" s="6"/>
      <c r="L1" s="7"/>
      <c r="M1" s="7"/>
      <c r="N1" s="6"/>
      <c r="O1" s="6"/>
      <c r="P1" s="7" t="s">
        <v>32</v>
      </c>
      <c r="Q1" s="7"/>
      <c r="R1" s="7"/>
      <c r="S1" s="6"/>
      <c r="T1" s="6"/>
      <c r="U1" s="6"/>
    </row>
    <row r="2" spans="1:21" ht="12" customHeight="1" x14ac:dyDescent="0.2">
      <c r="A2" s="8" t="s">
        <v>33</v>
      </c>
      <c r="B2" s="54" t="s">
        <v>57</v>
      </c>
      <c r="C2" s="54" t="s">
        <v>58</v>
      </c>
      <c r="D2" s="57" t="s">
        <v>59</v>
      </c>
      <c r="E2" s="86"/>
      <c r="F2" s="86"/>
      <c r="G2" s="86"/>
      <c r="H2" s="86"/>
      <c r="I2" s="87"/>
      <c r="J2" s="54" t="s">
        <v>71</v>
      </c>
      <c r="K2" s="54" t="s">
        <v>61</v>
      </c>
      <c r="L2" s="54" t="s">
        <v>83</v>
      </c>
      <c r="M2" s="54" t="s">
        <v>62</v>
      </c>
      <c r="N2" s="80" t="s">
        <v>63</v>
      </c>
      <c r="O2" s="81"/>
      <c r="P2" s="82"/>
      <c r="Q2" s="17"/>
      <c r="R2" s="17"/>
      <c r="S2" s="6"/>
      <c r="T2" s="6"/>
      <c r="U2" s="6"/>
    </row>
    <row r="3" spans="1:21" ht="12" customHeight="1" x14ac:dyDescent="0.2">
      <c r="A3" s="9"/>
      <c r="B3" s="74"/>
      <c r="C3" s="74"/>
      <c r="D3" s="54" t="s">
        <v>64</v>
      </c>
      <c r="E3" s="54" t="s">
        <v>65</v>
      </c>
      <c r="F3" s="54" t="s">
        <v>66</v>
      </c>
      <c r="G3" s="54" t="s">
        <v>67</v>
      </c>
      <c r="H3" s="46" t="s">
        <v>68</v>
      </c>
      <c r="I3" s="83" t="s">
        <v>34</v>
      </c>
      <c r="J3" s="74"/>
      <c r="K3" s="74"/>
      <c r="L3" s="93"/>
      <c r="M3" s="74"/>
      <c r="N3" s="46" t="s">
        <v>69</v>
      </c>
      <c r="O3" s="46" t="s">
        <v>70</v>
      </c>
      <c r="P3" s="46" t="s">
        <v>34</v>
      </c>
      <c r="Q3" s="17"/>
      <c r="R3" s="17"/>
      <c r="S3" s="6"/>
      <c r="T3" s="6"/>
      <c r="U3" s="6"/>
    </row>
    <row r="4" spans="1:21" ht="12" customHeight="1" x14ac:dyDescent="0.2">
      <c r="A4" s="9"/>
      <c r="B4" s="74"/>
      <c r="C4" s="74"/>
      <c r="D4" s="74"/>
      <c r="E4" s="74"/>
      <c r="F4" s="74"/>
      <c r="G4" s="74"/>
      <c r="H4" s="47"/>
      <c r="I4" s="55"/>
      <c r="J4" s="74"/>
      <c r="K4" s="74"/>
      <c r="L4" s="93"/>
      <c r="M4" s="74"/>
      <c r="N4" s="47"/>
      <c r="O4" s="47"/>
      <c r="P4" s="47"/>
      <c r="Q4" s="17"/>
      <c r="R4" s="17"/>
      <c r="S4" s="6"/>
      <c r="T4" s="6"/>
      <c r="U4" s="6"/>
    </row>
    <row r="5" spans="1:21" ht="12" customHeight="1" x14ac:dyDescent="0.2">
      <c r="A5" s="10" t="s">
        <v>35</v>
      </c>
      <c r="B5" s="75"/>
      <c r="C5" s="75"/>
      <c r="D5" s="75"/>
      <c r="E5" s="75"/>
      <c r="F5" s="75"/>
      <c r="G5" s="75"/>
      <c r="H5" s="47"/>
      <c r="I5" s="56"/>
      <c r="J5" s="75"/>
      <c r="K5" s="75"/>
      <c r="L5" s="94"/>
      <c r="M5" s="75"/>
      <c r="N5" s="47"/>
      <c r="O5" s="47"/>
      <c r="P5" s="47"/>
      <c r="Q5" s="17"/>
      <c r="R5" s="17"/>
      <c r="S5" s="6"/>
      <c r="T5" s="6"/>
      <c r="U5" s="6"/>
    </row>
    <row r="6" spans="1:21" ht="12" customHeight="1" x14ac:dyDescent="0.15">
      <c r="A6" s="11" t="s">
        <v>36</v>
      </c>
      <c r="B6" s="27">
        <v>5700512933</v>
      </c>
      <c r="C6" s="27">
        <v>111898134</v>
      </c>
      <c r="D6" s="27">
        <v>1201033</v>
      </c>
      <c r="E6" s="27">
        <v>107377</v>
      </c>
      <c r="F6" s="27">
        <v>1296112</v>
      </c>
      <c r="G6" s="27">
        <v>5767263</v>
      </c>
      <c r="H6" s="27">
        <v>7612</v>
      </c>
      <c r="I6" s="27">
        <v>8379397</v>
      </c>
      <c r="J6" s="27">
        <v>3277</v>
      </c>
      <c r="K6" s="27">
        <v>200825</v>
      </c>
      <c r="L6" s="27">
        <v>205454</v>
      </c>
      <c r="M6" s="27">
        <v>0</v>
      </c>
      <c r="N6" s="27">
        <v>103054694</v>
      </c>
      <c r="O6" s="27">
        <v>54487</v>
      </c>
      <c r="P6" s="27">
        <v>103109181</v>
      </c>
      <c r="Q6" s="18"/>
      <c r="R6" s="18"/>
    </row>
    <row r="7" spans="1:21" ht="12" customHeight="1" x14ac:dyDescent="0.15">
      <c r="A7" s="12" t="s">
        <v>0</v>
      </c>
      <c r="B7" s="25">
        <v>2451962288</v>
      </c>
      <c r="C7" s="25">
        <v>48280269</v>
      </c>
      <c r="D7" s="25">
        <v>493831</v>
      </c>
      <c r="E7" s="25">
        <v>29832</v>
      </c>
      <c r="F7" s="25">
        <v>527992</v>
      </c>
      <c r="G7" s="25">
        <v>2588967</v>
      </c>
      <c r="H7" s="25">
        <v>5374</v>
      </c>
      <c r="I7" s="25">
        <v>3645996</v>
      </c>
      <c r="J7" s="25">
        <v>1322</v>
      </c>
      <c r="K7" s="25">
        <v>26153</v>
      </c>
      <c r="L7" s="25">
        <v>124884</v>
      </c>
      <c r="M7" s="25">
        <v>2497</v>
      </c>
      <c r="N7" s="25">
        <v>43620708</v>
      </c>
      <c r="O7" s="25">
        <v>858709</v>
      </c>
      <c r="P7" s="25">
        <v>44479417</v>
      </c>
      <c r="Q7" s="18"/>
      <c r="R7" s="18"/>
    </row>
    <row r="8" spans="1:21" ht="12" customHeight="1" x14ac:dyDescent="0.15">
      <c r="A8" s="12" t="s">
        <v>8</v>
      </c>
      <c r="B8" s="25">
        <v>829778631</v>
      </c>
      <c r="C8" s="25">
        <v>16342947</v>
      </c>
      <c r="D8" s="25">
        <v>233978</v>
      </c>
      <c r="E8" s="25">
        <v>8879</v>
      </c>
      <c r="F8" s="25">
        <v>272550</v>
      </c>
      <c r="G8" s="25">
        <v>602234</v>
      </c>
      <c r="H8" s="25">
        <v>262</v>
      </c>
      <c r="I8" s="25">
        <v>1117903</v>
      </c>
      <c r="J8" s="25">
        <v>827</v>
      </c>
      <c r="K8" s="25">
        <v>18469</v>
      </c>
      <c r="L8" s="25">
        <v>23516</v>
      </c>
      <c r="M8" s="25">
        <v>698</v>
      </c>
      <c r="N8" s="25">
        <v>14707281</v>
      </c>
      <c r="O8" s="25">
        <v>474253</v>
      </c>
      <c r="P8" s="25">
        <v>15181534</v>
      </c>
      <c r="Q8" s="18"/>
      <c r="R8" s="18"/>
      <c r="U8" s="16"/>
    </row>
    <row r="9" spans="1:21" ht="12" customHeight="1" x14ac:dyDescent="0.15">
      <c r="A9" s="11" t="s">
        <v>1</v>
      </c>
      <c r="B9" s="27">
        <v>404714294</v>
      </c>
      <c r="C9" s="27">
        <v>16019639</v>
      </c>
      <c r="D9" s="27">
        <v>256160</v>
      </c>
      <c r="E9" s="27">
        <v>12502</v>
      </c>
      <c r="F9" s="27">
        <v>246260</v>
      </c>
      <c r="G9" s="27">
        <v>469796</v>
      </c>
      <c r="H9" s="27">
        <v>308</v>
      </c>
      <c r="I9" s="27">
        <v>985026</v>
      </c>
      <c r="J9" s="27">
        <v>1012</v>
      </c>
      <c r="K9" s="27">
        <v>16617</v>
      </c>
      <c r="L9" s="27">
        <v>15332</v>
      </c>
      <c r="M9" s="27">
        <v>196</v>
      </c>
      <c r="N9" s="27">
        <v>14606661</v>
      </c>
      <c r="O9" s="27">
        <v>394795</v>
      </c>
      <c r="P9" s="27">
        <v>15001456</v>
      </c>
      <c r="Q9" s="18"/>
      <c r="R9" s="18"/>
      <c r="U9" s="16"/>
    </row>
    <row r="10" spans="1:21" ht="12" customHeight="1" x14ac:dyDescent="0.15">
      <c r="A10" s="12" t="s">
        <v>2</v>
      </c>
      <c r="B10" s="25">
        <v>279818695</v>
      </c>
      <c r="C10" s="25">
        <v>11005870</v>
      </c>
      <c r="D10" s="25">
        <v>164542</v>
      </c>
      <c r="E10" s="25">
        <v>10015</v>
      </c>
      <c r="F10" s="25">
        <v>194719</v>
      </c>
      <c r="G10" s="25">
        <v>392349</v>
      </c>
      <c r="H10" s="25">
        <v>326</v>
      </c>
      <c r="I10" s="25">
        <v>761951</v>
      </c>
      <c r="J10" s="25">
        <v>751</v>
      </c>
      <c r="K10" s="25">
        <v>9996</v>
      </c>
      <c r="L10" s="25">
        <v>9668</v>
      </c>
      <c r="M10" s="25">
        <v>0</v>
      </c>
      <c r="N10" s="25">
        <v>9893333</v>
      </c>
      <c r="O10" s="25">
        <v>330171</v>
      </c>
      <c r="P10" s="25">
        <v>10223504</v>
      </c>
      <c r="Q10" s="18"/>
      <c r="R10" s="18"/>
      <c r="U10" s="16"/>
    </row>
    <row r="11" spans="1:21" ht="12" customHeight="1" x14ac:dyDescent="0.15">
      <c r="A11" s="12" t="s">
        <v>3</v>
      </c>
      <c r="B11" s="25">
        <v>339037661</v>
      </c>
      <c r="C11" s="25">
        <v>12518639</v>
      </c>
      <c r="D11" s="25">
        <v>111286</v>
      </c>
      <c r="E11" s="25">
        <v>21091</v>
      </c>
      <c r="F11" s="25">
        <v>99365</v>
      </c>
      <c r="G11" s="25">
        <v>710887</v>
      </c>
      <c r="H11" s="25">
        <v>2258</v>
      </c>
      <c r="I11" s="25">
        <v>944887</v>
      </c>
      <c r="J11" s="25">
        <v>318</v>
      </c>
      <c r="K11" s="25">
        <v>26602</v>
      </c>
      <c r="L11" s="25">
        <v>32058</v>
      </c>
      <c r="M11" s="25">
        <v>0</v>
      </c>
      <c r="N11" s="25">
        <v>11335787</v>
      </c>
      <c r="O11" s="25">
        <v>178987</v>
      </c>
      <c r="P11" s="25">
        <v>11514774</v>
      </c>
      <c r="Q11" s="18"/>
      <c r="R11" s="18"/>
      <c r="U11" s="16"/>
    </row>
    <row r="12" spans="1:21" ht="12" customHeight="1" x14ac:dyDescent="0.15">
      <c r="A12" s="12" t="s">
        <v>4</v>
      </c>
      <c r="B12" s="25">
        <v>641960839</v>
      </c>
      <c r="C12" s="25">
        <v>24930980</v>
      </c>
      <c r="D12" s="25">
        <v>280236</v>
      </c>
      <c r="E12" s="25">
        <v>27942</v>
      </c>
      <c r="F12" s="25">
        <v>356069</v>
      </c>
      <c r="G12" s="25">
        <v>1207788</v>
      </c>
      <c r="H12" s="25">
        <v>1209</v>
      </c>
      <c r="I12" s="25">
        <v>1873244</v>
      </c>
      <c r="J12" s="25">
        <v>1289</v>
      </c>
      <c r="K12" s="25">
        <v>29214</v>
      </c>
      <c r="L12" s="25">
        <v>39995</v>
      </c>
      <c r="M12" s="25">
        <v>555</v>
      </c>
      <c r="N12" s="25">
        <v>22362993</v>
      </c>
      <c r="O12" s="25">
        <v>623690</v>
      </c>
      <c r="P12" s="25">
        <v>22986683</v>
      </c>
      <c r="Q12" s="18"/>
      <c r="R12" s="18"/>
      <c r="U12" s="16"/>
    </row>
    <row r="13" spans="1:21" ht="12" customHeight="1" x14ac:dyDescent="0.15">
      <c r="A13" s="12" t="s">
        <v>5</v>
      </c>
      <c r="B13" s="25">
        <v>208005031</v>
      </c>
      <c r="C13" s="25">
        <v>8136338</v>
      </c>
      <c r="D13" s="25">
        <v>123188</v>
      </c>
      <c r="E13" s="25">
        <v>8684</v>
      </c>
      <c r="F13" s="25">
        <v>124930</v>
      </c>
      <c r="G13" s="25">
        <v>295018</v>
      </c>
      <c r="H13" s="25">
        <v>1000</v>
      </c>
      <c r="I13" s="25">
        <v>552820</v>
      </c>
      <c r="J13" s="25">
        <v>554</v>
      </c>
      <c r="K13" s="25">
        <v>10536</v>
      </c>
      <c r="L13" s="25">
        <v>15183</v>
      </c>
      <c r="M13" s="25">
        <v>677</v>
      </c>
      <c r="N13" s="25">
        <v>7343902</v>
      </c>
      <c r="O13" s="25">
        <v>212666</v>
      </c>
      <c r="P13" s="25">
        <v>7556568</v>
      </c>
      <c r="Q13" s="18"/>
      <c r="R13" s="18"/>
      <c r="U13" s="16"/>
    </row>
    <row r="14" spans="1:21" ht="12" customHeight="1" x14ac:dyDescent="0.15">
      <c r="A14" s="13" t="s">
        <v>6</v>
      </c>
      <c r="B14" s="29">
        <v>327812668</v>
      </c>
      <c r="C14" s="29">
        <v>12519581</v>
      </c>
      <c r="D14" s="29">
        <v>157421</v>
      </c>
      <c r="E14" s="29">
        <v>10285</v>
      </c>
      <c r="F14" s="29">
        <v>226130</v>
      </c>
      <c r="G14" s="29">
        <v>524941</v>
      </c>
      <c r="H14" s="29">
        <v>216759</v>
      </c>
      <c r="I14" s="29">
        <v>1135536</v>
      </c>
      <c r="J14" s="29">
        <v>541</v>
      </c>
      <c r="K14" s="29">
        <v>14742</v>
      </c>
      <c r="L14" s="29">
        <v>22126</v>
      </c>
      <c r="M14" s="29">
        <v>91</v>
      </c>
      <c r="N14" s="29">
        <v>10969462</v>
      </c>
      <c r="O14" s="29">
        <v>377083</v>
      </c>
      <c r="P14" s="29">
        <v>11346545</v>
      </c>
      <c r="Q14" s="18"/>
      <c r="R14" s="18"/>
      <c r="U14" s="16"/>
    </row>
    <row r="15" spans="1:21" ht="12" customHeight="1" x14ac:dyDescent="0.15">
      <c r="A15" s="14" t="s">
        <v>7</v>
      </c>
      <c r="B15" s="25">
        <v>96304471</v>
      </c>
      <c r="C15" s="25">
        <v>3642572</v>
      </c>
      <c r="D15" s="25">
        <v>37294</v>
      </c>
      <c r="E15" s="25">
        <v>6756</v>
      </c>
      <c r="F15" s="25">
        <v>35661</v>
      </c>
      <c r="G15" s="25">
        <v>181805</v>
      </c>
      <c r="H15" s="25">
        <v>4909</v>
      </c>
      <c r="I15" s="25">
        <v>266425</v>
      </c>
      <c r="J15" s="25">
        <v>151</v>
      </c>
      <c r="K15" s="25">
        <v>11266</v>
      </c>
      <c r="L15" s="25">
        <v>7801</v>
      </c>
      <c r="M15" s="25">
        <v>21</v>
      </c>
      <c r="N15" s="25">
        <v>3292005</v>
      </c>
      <c r="O15" s="25">
        <v>64903</v>
      </c>
      <c r="P15" s="25">
        <v>3356908</v>
      </c>
      <c r="Q15" s="18"/>
      <c r="R15" s="18"/>
      <c r="U15" s="16"/>
    </row>
    <row r="16" spans="1:21" ht="12" customHeight="1" x14ac:dyDescent="0.15">
      <c r="A16" s="12" t="s">
        <v>9</v>
      </c>
      <c r="B16" s="25">
        <v>37160481</v>
      </c>
      <c r="C16" s="25">
        <v>1461966</v>
      </c>
      <c r="D16" s="25">
        <v>26876</v>
      </c>
      <c r="E16" s="25">
        <v>1571</v>
      </c>
      <c r="F16" s="25">
        <v>17601</v>
      </c>
      <c r="G16" s="25">
        <v>33029</v>
      </c>
      <c r="H16" s="25">
        <v>1</v>
      </c>
      <c r="I16" s="25">
        <v>79078</v>
      </c>
      <c r="J16" s="25">
        <v>133</v>
      </c>
      <c r="K16" s="25">
        <v>844</v>
      </c>
      <c r="L16" s="25">
        <v>1321</v>
      </c>
      <c r="M16" s="25">
        <v>0</v>
      </c>
      <c r="N16" s="25">
        <v>1348263</v>
      </c>
      <c r="O16" s="25">
        <v>32327</v>
      </c>
      <c r="P16" s="25">
        <v>1380590</v>
      </c>
      <c r="Q16" s="18"/>
      <c r="R16" s="18"/>
      <c r="U16" s="16"/>
    </row>
    <row r="17" spans="1:21" ht="12" customHeight="1" x14ac:dyDescent="0.15">
      <c r="A17" s="12" t="s">
        <v>10</v>
      </c>
      <c r="B17" s="25">
        <v>160576275</v>
      </c>
      <c r="C17" s="25">
        <v>6320064</v>
      </c>
      <c r="D17" s="25">
        <v>103969</v>
      </c>
      <c r="E17" s="25">
        <v>4306</v>
      </c>
      <c r="F17" s="25">
        <v>103681</v>
      </c>
      <c r="G17" s="25">
        <v>195127</v>
      </c>
      <c r="H17" s="25">
        <v>150</v>
      </c>
      <c r="I17" s="25">
        <v>407233</v>
      </c>
      <c r="J17" s="25">
        <v>516</v>
      </c>
      <c r="K17" s="25">
        <v>7065</v>
      </c>
      <c r="L17" s="25">
        <v>8476</v>
      </c>
      <c r="M17" s="25">
        <v>72</v>
      </c>
      <c r="N17" s="25">
        <v>5711475</v>
      </c>
      <c r="O17" s="25">
        <v>185227</v>
      </c>
      <c r="P17" s="25">
        <v>5896702</v>
      </c>
      <c r="Q17" s="18"/>
      <c r="R17" s="18"/>
      <c r="U17" s="16"/>
    </row>
    <row r="18" spans="1:21" ht="12" customHeight="1" x14ac:dyDescent="0.15">
      <c r="A18" s="12" t="s">
        <v>11</v>
      </c>
      <c r="B18" s="25">
        <v>271339042</v>
      </c>
      <c r="C18" s="25">
        <v>10588179</v>
      </c>
      <c r="D18" s="25">
        <v>147150</v>
      </c>
      <c r="E18" s="25">
        <v>5349</v>
      </c>
      <c r="F18" s="25">
        <v>149776</v>
      </c>
      <c r="G18" s="25">
        <v>385524</v>
      </c>
      <c r="H18" s="25">
        <v>565</v>
      </c>
      <c r="I18" s="25">
        <v>688364</v>
      </c>
      <c r="J18" s="25">
        <v>451</v>
      </c>
      <c r="K18" s="25">
        <v>8400</v>
      </c>
      <c r="L18" s="25">
        <v>11369</v>
      </c>
      <c r="M18" s="25">
        <v>263</v>
      </c>
      <c r="N18" s="25">
        <v>9619053</v>
      </c>
      <c r="O18" s="25">
        <v>260279</v>
      </c>
      <c r="P18" s="25">
        <v>9879332</v>
      </c>
      <c r="Q18" s="18"/>
      <c r="R18" s="18"/>
      <c r="U18" s="16"/>
    </row>
    <row r="19" spans="1:21" ht="12" customHeight="1" x14ac:dyDescent="0.15">
      <c r="A19" s="13" t="s">
        <v>12</v>
      </c>
      <c r="B19" s="29">
        <v>300244702</v>
      </c>
      <c r="C19" s="29">
        <v>11741731</v>
      </c>
      <c r="D19" s="29">
        <v>158556</v>
      </c>
      <c r="E19" s="29">
        <v>7158</v>
      </c>
      <c r="F19" s="29">
        <v>225059</v>
      </c>
      <c r="G19" s="29">
        <v>461526</v>
      </c>
      <c r="H19" s="29">
        <v>378</v>
      </c>
      <c r="I19" s="29">
        <v>852677</v>
      </c>
      <c r="J19" s="29">
        <v>497</v>
      </c>
      <c r="K19" s="29">
        <v>10119</v>
      </c>
      <c r="L19" s="29">
        <v>15738</v>
      </c>
      <c r="M19" s="29">
        <v>233</v>
      </c>
      <c r="N19" s="29">
        <v>10478887</v>
      </c>
      <c r="O19" s="29">
        <v>383580</v>
      </c>
      <c r="P19" s="29">
        <v>10862467</v>
      </c>
      <c r="Q19" s="18"/>
      <c r="R19" s="18"/>
      <c r="U19" s="16"/>
    </row>
    <row r="20" spans="1:21" ht="12" customHeight="1" x14ac:dyDescent="0.15">
      <c r="A20" s="14" t="s">
        <v>13</v>
      </c>
      <c r="B20" s="25">
        <v>118290706</v>
      </c>
      <c r="C20" s="25">
        <v>4659650</v>
      </c>
      <c r="D20" s="25">
        <v>68998</v>
      </c>
      <c r="E20" s="25">
        <v>2178</v>
      </c>
      <c r="F20" s="25">
        <v>71191</v>
      </c>
      <c r="G20" s="25">
        <v>166555</v>
      </c>
      <c r="H20" s="25">
        <v>128</v>
      </c>
      <c r="I20" s="25">
        <v>309050</v>
      </c>
      <c r="J20" s="25">
        <v>180</v>
      </c>
      <c r="K20" s="25">
        <v>3321</v>
      </c>
      <c r="L20" s="25">
        <v>5273</v>
      </c>
      <c r="M20" s="25">
        <v>181</v>
      </c>
      <c r="N20" s="25">
        <v>4212066</v>
      </c>
      <c r="O20" s="25">
        <v>129579</v>
      </c>
      <c r="P20" s="25">
        <v>4341645</v>
      </c>
      <c r="Q20" s="18"/>
      <c r="R20" s="18"/>
      <c r="U20" s="16"/>
    </row>
    <row r="21" spans="1:21" ht="12" customHeight="1" x14ac:dyDescent="0.15">
      <c r="A21" s="12" t="s">
        <v>14</v>
      </c>
      <c r="B21" s="25">
        <v>172946761</v>
      </c>
      <c r="C21" s="25">
        <v>6806140</v>
      </c>
      <c r="D21" s="25">
        <v>89246</v>
      </c>
      <c r="E21" s="25">
        <v>3722</v>
      </c>
      <c r="F21" s="25">
        <v>130934</v>
      </c>
      <c r="G21" s="25">
        <v>311189</v>
      </c>
      <c r="H21" s="25">
        <v>392</v>
      </c>
      <c r="I21" s="25">
        <v>535483</v>
      </c>
      <c r="J21" s="25">
        <v>310</v>
      </c>
      <c r="K21" s="25">
        <v>5667</v>
      </c>
      <c r="L21" s="25">
        <v>7608</v>
      </c>
      <c r="M21" s="25">
        <v>540</v>
      </c>
      <c r="N21" s="25">
        <v>6032318</v>
      </c>
      <c r="O21" s="25">
        <v>224214</v>
      </c>
      <c r="P21" s="25">
        <v>6256532</v>
      </c>
      <c r="Q21" s="18"/>
      <c r="R21" s="18"/>
      <c r="U21" s="16"/>
    </row>
    <row r="22" spans="1:21" ht="12" customHeight="1" x14ac:dyDescent="0.15">
      <c r="A22" s="12" t="s">
        <v>15</v>
      </c>
      <c r="B22" s="25">
        <v>142472747</v>
      </c>
      <c r="C22" s="25">
        <v>5612400</v>
      </c>
      <c r="D22" s="25">
        <v>86487</v>
      </c>
      <c r="E22" s="25">
        <v>2186</v>
      </c>
      <c r="F22" s="25">
        <v>127926</v>
      </c>
      <c r="G22" s="25">
        <v>178993</v>
      </c>
      <c r="H22" s="25">
        <v>352</v>
      </c>
      <c r="I22" s="25">
        <v>395944</v>
      </c>
      <c r="J22" s="25">
        <v>294</v>
      </c>
      <c r="K22" s="25">
        <v>3492</v>
      </c>
      <c r="L22" s="25">
        <v>4515</v>
      </c>
      <c r="M22" s="25">
        <v>175</v>
      </c>
      <c r="N22" s="25">
        <v>5002934</v>
      </c>
      <c r="O22" s="25">
        <v>205046</v>
      </c>
      <c r="P22" s="25">
        <v>5207980</v>
      </c>
      <c r="Q22" s="18"/>
      <c r="R22" s="18"/>
      <c r="U22" s="16"/>
    </row>
    <row r="23" spans="1:21" ht="12" customHeight="1" x14ac:dyDescent="0.15">
      <c r="A23" s="12" t="s">
        <v>16</v>
      </c>
      <c r="B23" s="25">
        <v>38988870</v>
      </c>
      <c r="C23" s="25">
        <v>1539406</v>
      </c>
      <c r="D23" s="25">
        <v>28297</v>
      </c>
      <c r="E23" s="25">
        <v>1102</v>
      </c>
      <c r="F23" s="25">
        <v>25435</v>
      </c>
      <c r="G23" s="25">
        <v>45396</v>
      </c>
      <c r="H23" s="25">
        <v>46</v>
      </c>
      <c r="I23" s="25">
        <v>100276</v>
      </c>
      <c r="J23" s="25">
        <v>114</v>
      </c>
      <c r="K23" s="25">
        <v>2094</v>
      </c>
      <c r="L23" s="25">
        <v>2258</v>
      </c>
      <c r="M23" s="25">
        <v>74</v>
      </c>
      <c r="N23" s="25">
        <v>1390241</v>
      </c>
      <c r="O23" s="25">
        <v>44349</v>
      </c>
      <c r="P23" s="25">
        <v>1434590</v>
      </c>
      <c r="Q23" s="18"/>
      <c r="R23" s="18"/>
      <c r="U23" s="16"/>
    </row>
    <row r="24" spans="1:21" ht="12" customHeight="1" x14ac:dyDescent="0.15">
      <c r="A24" s="2" t="s">
        <v>17</v>
      </c>
      <c r="B24" s="25">
        <v>84512110</v>
      </c>
      <c r="C24" s="25">
        <v>3319918</v>
      </c>
      <c r="D24" s="25">
        <v>55269</v>
      </c>
      <c r="E24" s="25">
        <v>2706</v>
      </c>
      <c r="F24" s="25">
        <v>78479</v>
      </c>
      <c r="G24" s="25">
        <v>89882</v>
      </c>
      <c r="H24" s="25">
        <v>94</v>
      </c>
      <c r="I24" s="25">
        <v>226430</v>
      </c>
      <c r="J24" s="25">
        <v>440</v>
      </c>
      <c r="K24" s="25">
        <v>3899</v>
      </c>
      <c r="L24" s="25">
        <v>4965</v>
      </c>
      <c r="M24" s="25">
        <v>225</v>
      </c>
      <c r="N24" s="25">
        <v>2962658</v>
      </c>
      <c r="O24" s="25">
        <v>121301</v>
      </c>
      <c r="P24" s="25">
        <v>3083959</v>
      </c>
      <c r="Q24" s="18"/>
      <c r="R24" s="18"/>
      <c r="U24" s="16"/>
    </row>
    <row r="25" spans="1:21" ht="12" customHeight="1" x14ac:dyDescent="0.15">
      <c r="A25" s="11" t="s">
        <v>18</v>
      </c>
      <c r="B25" s="27">
        <v>52187624</v>
      </c>
      <c r="C25" s="27">
        <v>1997669</v>
      </c>
      <c r="D25" s="27">
        <v>19950</v>
      </c>
      <c r="E25" s="27">
        <v>4544</v>
      </c>
      <c r="F25" s="27">
        <v>17356</v>
      </c>
      <c r="G25" s="27">
        <v>103907</v>
      </c>
      <c r="H25" s="27">
        <v>173</v>
      </c>
      <c r="I25" s="27">
        <v>145930</v>
      </c>
      <c r="J25" s="27">
        <v>33</v>
      </c>
      <c r="K25" s="27">
        <v>3694</v>
      </c>
      <c r="L25" s="27">
        <v>10554</v>
      </c>
      <c r="M25" s="27">
        <v>0</v>
      </c>
      <c r="N25" s="27">
        <v>1804325</v>
      </c>
      <c r="O25" s="27">
        <v>33133</v>
      </c>
      <c r="P25" s="27">
        <v>1837458</v>
      </c>
      <c r="Q25" s="18"/>
      <c r="R25" s="18"/>
      <c r="U25" s="16"/>
    </row>
    <row r="26" spans="1:21" ht="12" customHeight="1" x14ac:dyDescent="0.15">
      <c r="A26" s="12" t="s">
        <v>19</v>
      </c>
      <c r="B26" s="25">
        <v>50442697</v>
      </c>
      <c r="C26" s="25">
        <v>1964526</v>
      </c>
      <c r="D26" s="25">
        <v>32087</v>
      </c>
      <c r="E26" s="25">
        <v>990</v>
      </c>
      <c r="F26" s="25">
        <v>55684</v>
      </c>
      <c r="G26" s="25">
        <v>50080</v>
      </c>
      <c r="H26" s="25">
        <v>5</v>
      </c>
      <c r="I26" s="25">
        <v>138846</v>
      </c>
      <c r="J26" s="25">
        <v>181</v>
      </c>
      <c r="K26" s="25">
        <v>1542</v>
      </c>
      <c r="L26" s="25">
        <v>917</v>
      </c>
      <c r="M26" s="25">
        <v>25</v>
      </c>
      <c r="N26" s="25">
        <v>1738409</v>
      </c>
      <c r="O26" s="25">
        <v>84606</v>
      </c>
      <c r="P26" s="25">
        <v>1823015</v>
      </c>
      <c r="Q26" s="18"/>
      <c r="R26" s="18"/>
      <c r="U26" s="16"/>
    </row>
    <row r="27" spans="1:21" ht="12" customHeight="1" x14ac:dyDescent="0.15">
      <c r="A27" s="12" t="s">
        <v>20</v>
      </c>
      <c r="B27" s="25">
        <v>43003302</v>
      </c>
      <c r="C27" s="25">
        <v>1643935</v>
      </c>
      <c r="D27" s="25">
        <v>20652</v>
      </c>
      <c r="E27" s="25">
        <v>3286</v>
      </c>
      <c r="F27" s="25">
        <v>21595</v>
      </c>
      <c r="G27" s="25">
        <v>62361</v>
      </c>
      <c r="H27" s="25">
        <v>78</v>
      </c>
      <c r="I27" s="25">
        <v>107972</v>
      </c>
      <c r="J27" s="25">
        <v>57</v>
      </c>
      <c r="K27" s="25">
        <v>2495</v>
      </c>
      <c r="L27" s="25">
        <v>3675</v>
      </c>
      <c r="M27" s="25">
        <v>0</v>
      </c>
      <c r="N27" s="25">
        <v>1491566</v>
      </c>
      <c r="O27" s="25">
        <v>38170</v>
      </c>
      <c r="P27" s="25">
        <v>1529736</v>
      </c>
      <c r="Q27" s="18"/>
      <c r="R27" s="18"/>
      <c r="U27" s="16"/>
    </row>
    <row r="28" spans="1:21" ht="12" customHeight="1" x14ac:dyDescent="0.15">
      <c r="A28" s="12" t="s">
        <v>21</v>
      </c>
      <c r="B28" s="25">
        <v>31159176</v>
      </c>
      <c r="C28" s="25">
        <v>1216462</v>
      </c>
      <c r="D28" s="25">
        <v>18998</v>
      </c>
      <c r="E28" s="25">
        <v>1333</v>
      </c>
      <c r="F28" s="25">
        <v>16902</v>
      </c>
      <c r="G28" s="25">
        <v>41730</v>
      </c>
      <c r="H28" s="25">
        <v>6</v>
      </c>
      <c r="I28" s="25">
        <v>78969</v>
      </c>
      <c r="J28" s="25">
        <v>90</v>
      </c>
      <c r="K28" s="25">
        <v>4565</v>
      </c>
      <c r="L28" s="25">
        <v>2223</v>
      </c>
      <c r="M28" s="25">
        <v>33</v>
      </c>
      <c r="N28" s="25">
        <v>1099092</v>
      </c>
      <c r="O28" s="25">
        <v>31490</v>
      </c>
      <c r="P28" s="25">
        <v>1130582</v>
      </c>
      <c r="Q28" s="18"/>
      <c r="R28" s="18"/>
      <c r="U28" s="16"/>
    </row>
    <row r="29" spans="1:21" ht="12" customHeight="1" x14ac:dyDescent="0.15">
      <c r="A29" s="13" t="s">
        <v>22</v>
      </c>
      <c r="B29" s="29">
        <v>8157271</v>
      </c>
      <c r="C29" s="29">
        <v>324724</v>
      </c>
      <c r="D29" s="29">
        <v>6422</v>
      </c>
      <c r="E29" s="29">
        <v>294</v>
      </c>
      <c r="F29" s="29">
        <v>4540</v>
      </c>
      <c r="G29" s="29">
        <v>6690</v>
      </c>
      <c r="H29" s="29">
        <v>0</v>
      </c>
      <c r="I29" s="29">
        <v>17946</v>
      </c>
      <c r="J29" s="29">
        <v>4</v>
      </c>
      <c r="K29" s="29">
        <v>334</v>
      </c>
      <c r="L29" s="29">
        <v>264</v>
      </c>
      <c r="M29" s="29">
        <v>0</v>
      </c>
      <c r="N29" s="29">
        <v>298568</v>
      </c>
      <c r="O29" s="29">
        <v>7608</v>
      </c>
      <c r="P29" s="29">
        <v>306176</v>
      </c>
      <c r="Q29" s="18"/>
      <c r="R29" s="18"/>
      <c r="U29" s="16"/>
    </row>
    <row r="30" spans="1:21" ht="12" customHeight="1" x14ac:dyDescent="0.15">
      <c r="A30" s="12" t="s">
        <v>23</v>
      </c>
      <c r="B30" s="25">
        <v>16763997</v>
      </c>
      <c r="C30" s="25">
        <v>654051</v>
      </c>
      <c r="D30" s="25">
        <v>11692</v>
      </c>
      <c r="E30" s="25">
        <v>441</v>
      </c>
      <c r="F30" s="25">
        <v>16158</v>
      </c>
      <c r="G30" s="25">
        <v>15992</v>
      </c>
      <c r="H30" s="25">
        <v>88</v>
      </c>
      <c r="I30" s="25">
        <v>44371</v>
      </c>
      <c r="J30" s="25">
        <v>45</v>
      </c>
      <c r="K30" s="25">
        <v>461</v>
      </c>
      <c r="L30" s="25">
        <v>517</v>
      </c>
      <c r="M30" s="25">
        <v>74</v>
      </c>
      <c r="N30" s="25">
        <v>584450</v>
      </c>
      <c r="O30" s="25">
        <v>24133</v>
      </c>
      <c r="P30" s="25">
        <v>608583</v>
      </c>
      <c r="Q30" s="18"/>
      <c r="R30" s="18"/>
      <c r="U30" s="16"/>
    </row>
    <row r="31" spans="1:21" ht="12" customHeight="1" x14ac:dyDescent="0.15">
      <c r="A31" s="12" t="s">
        <v>24</v>
      </c>
      <c r="B31" s="25">
        <v>10634263</v>
      </c>
      <c r="C31" s="25">
        <v>421706</v>
      </c>
      <c r="D31" s="25">
        <v>7123</v>
      </c>
      <c r="E31" s="25">
        <v>469</v>
      </c>
      <c r="F31" s="25">
        <v>6328</v>
      </c>
      <c r="G31" s="25">
        <v>14461</v>
      </c>
      <c r="H31" s="25">
        <v>0</v>
      </c>
      <c r="I31" s="25">
        <v>28381</v>
      </c>
      <c r="J31" s="25">
        <v>41</v>
      </c>
      <c r="K31" s="25">
        <v>568</v>
      </c>
      <c r="L31" s="25">
        <v>1305</v>
      </c>
      <c r="M31" s="25">
        <v>0</v>
      </c>
      <c r="N31" s="25">
        <v>380102</v>
      </c>
      <c r="O31" s="25">
        <v>11309</v>
      </c>
      <c r="P31" s="25">
        <v>391411</v>
      </c>
      <c r="Q31" s="18"/>
      <c r="R31" s="18"/>
      <c r="U31" s="16"/>
    </row>
    <row r="32" spans="1:21" ht="12" customHeight="1" x14ac:dyDescent="0.15">
      <c r="A32" s="12" t="s">
        <v>25</v>
      </c>
      <c r="B32" s="25">
        <v>8350184</v>
      </c>
      <c r="C32" s="25">
        <v>329295</v>
      </c>
      <c r="D32" s="25">
        <v>6718</v>
      </c>
      <c r="E32" s="25">
        <v>215</v>
      </c>
      <c r="F32" s="25">
        <v>3607</v>
      </c>
      <c r="G32" s="25">
        <v>6195</v>
      </c>
      <c r="H32" s="25">
        <v>0</v>
      </c>
      <c r="I32" s="25">
        <v>16735</v>
      </c>
      <c r="J32" s="25">
        <v>54</v>
      </c>
      <c r="K32" s="25">
        <v>585</v>
      </c>
      <c r="L32" s="25">
        <v>176</v>
      </c>
      <c r="M32" s="25">
        <v>0</v>
      </c>
      <c r="N32" s="25">
        <v>305067</v>
      </c>
      <c r="O32" s="25">
        <v>6678</v>
      </c>
      <c r="P32" s="25">
        <v>311745</v>
      </c>
      <c r="Q32" s="18"/>
      <c r="R32" s="18"/>
      <c r="U32" s="16"/>
    </row>
    <row r="33" spans="1:21" ht="12" customHeight="1" x14ac:dyDescent="0.15">
      <c r="A33" s="12" t="s">
        <v>26</v>
      </c>
      <c r="B33" s="25">
        <v>20663496</v>
      </c>
      <c r="C33" s="25">
        <v>818460</v>
      </c>
      <c r="D33" s="25">
        <v>11799</v>
      </c>
      <c r="E33" s="25">
        <v>1155</v>
      </c>
      <c r="F33" s="25">
        <v>19972</v>
      </c>
      <c r="G33" s="25">
        <v>31958</v>
      </c>
      <c r="H33" s="25">
        <v>90</v>
      </c>
      <c r="I33" s="25">
        <v>64974</v>
      </c>
      <c r="J33" s="25">
        <v>33</v>
      </c>
      <c r="K33" s="25">
        <v>681</v>
      </c>
      <c r="L33" s="25">
        <v>715</v>
      </c>
      <c r="M33" s="25">
        <v>0</v>
      </c>
      <c r="N33" s="25">
        <v>718290</v>
      </c>
      <c r="O33" s="25">
        <v>33767</v>
      </c>
      <c r="P33" s="25">
        <v>752057</v>
      </c>
      <c r="Q33" s="18"/>
      <c r="R33" s="18"/>
      <c r="U33" s="16"/>
    </row>
    <row r="34" spans="1:21" ht="12" customHeight="1" x14ac:dyDescent="0.15">
      <c r="A34" s="13" t="s">
        <v>27</v>
      </c>
      <c r="B34" s="29">
        <v>10704274</v>
      </c>
      <c r="C34" s="29">
        <v>416808</v>
      </c>
      <c r="D34" s="29">
        <v>7736</v>
      </c>
      <c r="E34" s="29">
        <v>234</v>
      </c>
      <c r="F34" s="29">
        <v>1293</v>
      </c>
      <c r="G34" s="29">
        <v>8665</v>
      </c>
      <c r="H34" s="29">
        <v>3</v>
      </c>
      <c r="I34" s="29">
        <v>17931</v>
      </c>
      <c r="J34" s="29">
        <v>31</v>
      </c>
      <c r="K34" s="29">
        <v>388</v>
      </c>
      <c r="L34" s="29">
        <v>658</v>
      </c>
      <c r="M34" s="29">
        <v>0</v>
      </c>
      <c r="N34" s="29">
        <v>394992</v>
      </c>
      <c r="O34" s="29">
        <v>2808</v>
      </c>
      <c r="P34" s="29">
        <v>397800</v>
      </c>
      <c r="Q34" s="18"/>
      <c r="R34" s="18"/>
      <c r="U34" s="16"/>
    </row>
    <row r="35" spans="1:21" ht="12" customHeight="1" x14ac:dyDescent="0.15">
      <c r="A35" s="14" t="s">
        <v>28</v>
      </c>
      <c r="B35" s="25">
        <v>5478941</v>
      </c>
      <c r="C35" s="25">
        <v>216998</v>
      </c>
      <c r="D35" s="25">
        <v>4501</v>
      </c>
      <c r="E35" s="25">
        <v>221</v>
      </c>
      <c r="F35" s="25">
        <v>1983</v>
      </c>
      <c r="G35" s="25">
        <v>5630</v>
      </c>
      <c r="H35" s="25">
        <v>441</v>
      </c>
      <c r="I35" s="25">
        <v>12776</v>
      </c>
      <c r="J35" s="25">
        <v>24</v>
      </c>
      <c r="K35" s="25">
        <v>453</v>
      </c>
      <c r="L35" s="25">
        <v>191</v>
      </c>
      <c r="M35" s="44">
        <v>0</v>
      </c>
      <c r="N35" s="44">
        <v>200379</v>
      </c>
      <c r="O35" s="44">
        <v>3175</v>
      </c>
      <c r="P35" s="44">
        <v>203554</v>
      </c>
      <c r="Q35" s="18"/>
      <c r="R35" s="18"/>
      <c r="U35" s="16"/>
    </row>
    <row r="36" spans="1:21" ht="12" customHeight="1" x14ac:dyDescent="0.15">
      <c r="A36" s="12" t="s">
        <v>29</v>
      </c>
      <c r="B36" s="25">
        <v>20750679</v>
      </c>
      <c r="C36" s="25">
        <v>800629</v>
      </c>
      <c r="D36" s="25">
        <v>15274</v>
      </c>
      <c r="E36" s="25">
        <v>914</v>
      </c>
      <c r="F36" s="25">
        <v>6328</v>
      </c>
      <c r="G36" s="25">
        <v>23407</v>
      </c>
      <c r="H36" s="25">
        <v>39</v>
      </c>
      <c r="I36" s="25">
        <v>45962</v>
      </c>
      <c r="J36" s="25">
        <v>82</v>
      </c>
      <c r="K36" s="25">
        <v>1448</v>
      </c>
      <c r="L36" s="25">
        <v>864</v>
      </c>
      <c r="M36" s="25">
        <v>41</v>
      </c>
      <c r="N36" s="25">
        <v>739513</v>
      </c>
      <c r="O36" s="25">
        <v>12719</v>
      </c>
      <c r="P36" s="25">
        <v>752232</v>
      </c>
      <c r="Q36" s="18"/>
      <c r="R36" s="18"/>
      <c r="U36" s="16"/>
    </row>
    <row r="37" spans="1:21" ht="12" customHeight="1" x14ac:dyDescent="0.15">
      <c r="A37" s="12" t="s">
        <v>30</v>
      </c>
      <c r="B37" s="25">
        <v>35059837</v>
      </c>
      <c r="C37" s="25">
        <v>1387425</v>
      </c>
      <c r="D37" s="25">
        <v>26806</v>
      </c>
      <c r="E37" s="25">
        <v>569</v>
      </c>
      <c r="F37" s="25">
        <v>28248</v>
      </c>
      <c r="G37" s="25">
        <v>24450</v>
      </c>
      <c r="H37" s="25">
        <v>0</v>
      </c>
      <c r="I37" s="25">
        <v>80073</v>
      </c>
      <c r="J37" s="25">
        <v>207</v>
      </c>
      <c r="K37" s="25">
        <v>740</v>
      </c>
      <c r="L37" s="25">
        <v>2343</v>
      </c>
      <c r="M37" s="25">
        <v>50</v>
      </c>
      <c r="N37" s="25">
        <v>1255959</v>
      </c>
      <c r="O37" s="25">
        <v>48053</v>
      </c>
      <c r="P37" s="25">
        <v>1304012</v>
      </c>
      <c r="Q37" s="18"/>
      <c r="R37" s="18"/>
      <c r="U37" s="16"/>
    </row>
    <row r="38" spans="1:21" ht="12" customHeight="1" x14ac:dyDescent="0.15">
      <c r="A38" s="12" t="s">
        <v>31</v>
      </c>
      <c r="B38" s="25">
        <v>2401420</v>
      </c>
      <c r="C38" s="25">
        <v>96034</v>
      </c>
      <c r="D38" s="25">
        <v>1898</v>
      </c>
      <c r="E38" s="25">
        <v>54</v>
      </c>
      <c r="F38" s="25">
        <v>1402</v>
      </c>
      <c r="G38" s="25">
        <v>2058</v>
      </c>
      <c r="H38" s="25">
        <v>0</v>
      </c>
      <c r="I38" s="25">
        <v>5412</v>
      </c>
      <c r="J38" s="25">
        <v>22</v>
      </c>
      <c r="K38" s="25">
        <v>18</v>
      </c>
      <c r="L38" s="25">
        <v>37</v>
      </c>
      <c r="M38" s="25">
        <v>0</v>
      </c>
      <c r="N38" s="25">
        <v>88666</v>
      </c>
      <c r="O38" s="25">
        <v>1879</v>
      </c>
      <c r="P38" s="25">
        <v>90545</v>
      </c>
      <c r="Q38" s="18"/>
      <c r="R38" s="18"/>
      <c r="U38" s="16"/>
    </row>
    <row r="39" spans="1:21" ht="19.5" customHeight="1" x14ac:dyDescent="0.15">
      <c r="A39" s="1" t="s">
        <v>37</v>
      </c>
      <c r="B39" s="35">
        <v>12922196366</v>
      </c>
      <c r="C39" s="35">
        <v>329633145</v>
      </c>
      <c r="D39" s="35">
        <v>4015473</v>
      </c>
      <c r="E39" s="35">
        <v>288360</v>
      </c>
      <c r="F39" s="35">
        <v>4511266</v>
      </c>
      <c r="G39" s="35">
        <v>15005853</v>
      </c>
      <c r="H39" s="35">
        <v>243046</v>
      </c>
      <c r="I39" s="35">
        <v>24063998</v>
      </c>
      <c r="J39" s="35">
        <v>13881</v>
      </c>
      <c r="K39" s="35">
        <v>427293</v>
      </c>
      <c r="L39" s="35">
        <v>581979</v>
      </c>
      <c r="M39" s="35">
        <v>6721</v>
      </c>
      <c r="N39" s="35">
        <v>299044099</v>
      </c>
      <c r="O39" s="35">
        <v>5495174</v>
      </c>
      <c r="P39" s="36">
        <v>304539273</v>
      </c>
      <c r="Q39" s="18"/>
      <c r="R39" s="18"/>
      <c r="U39" s="16"/>
    </row>
    <row r="40" spans="1:21" ht="12" customHeight="1" x14ac:dyDescent="0.2">
      <c r="A40" s="3" t="s">
        <v>90</v>
      </c>
    </row>
    <row r="41" spans="1:21" ht="12" customHeight="1" x14ac:dyDescent="0.2"/>
    <row r="42" spans="1:21" ht="12" customHeight="1" x14ac:dyDescent="0.2"/>
    <row r="43" spans="1:21" ht="12" customHeight="1" x14ac:dyDescent="0.2"/>
  </sheetData>
  <mergeCells count="17">
    <mergeCell ref="B2:B5"/>
    <mergeCell ref="C2:C5"/>
    <mergeCell ref="D2:I2"/>
    <mergeCell ref="J2:J5"/>
    <mergeCell ref="K2:K5"/>
    <mergeCell ref="P3:P5"/>
    <mergeCell ref="M2:M5"/>
    <mergeCell ref="N2:P2"/>
    <mergeCell ref="D3:D5"/>
    <mergeCell ref="E3:E5"/>
    <mergeCell ref="F3:F5"/>
    <mergeCell ref="G3:G5"/>
    <mergeCell ref="H3:H5"/>
    <mergeCell ref="I3:I5"/>
    <mergeCell ref="N3:N5"/>
    <mergeCell ref="O3:O5"/>
    <mergeCell ref="L2:L5"/>
  </mergeCells>
  <phoneticPr fontId="2"/>
  <pageMargins left="0.78740157480314965" right="0.78740157480314965" top="0.78740157480314965" bottom="0.78740157480314965" header="0.51181102362204722" footer="0.31496062992125984"/>
  <pageSetup paperSize="9" scale="83" firstPageNumber="189" orientation="landscape" blackAndWhite="1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1</vt:i4>
      </vt:variant>
    </vt:vector>
  </HeadingPairs>
  <TitlesOfParts>
    <vt:vector size="6" baseType="lpstr">
      <vt:lpstr>住民税1</vt:lpstr>
      <vt:lpstr>住民税2</vt:lpstr>
      <vt:lpstr>住民税3</vt:lpstr>
      <vt:lpstr>住民税4</vt:lpstr>
      <vt:lpstr>住民税5</vt:lpstr>
      <vt:lpstr>住民税3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戸 将史</dc:creator>
  <cp:lastModifiedBy>user</cp:lastModifiedBy>
  <cp:lastPrinted>2023-01-13T04:44:14Z</cp:lastPrinted>
  <dcterms:created xsi:type="dcterms:W3CDTF">2011-03-09T04:47:01Z</dcterms:created>
  <dcterms:modified xsi:type="dcterms:W3CDTF">2023-02-16T08:13:50Z</dcterms:modified>
</cp:coreProperties>
</file>